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RREO 4º Bim 2021\"/>
    </mc:Choice>
  </mc:AlternateContent>
  <bookViews>
    <workbookView xWindow="0" yWindow="0" windowWidth="20490" windowHeight="7650" firstSheet="10" activeTab="11"/>
  </bookViews>
  <sheets>
    <sheet name="Anexo - 01 - Balanço Orçamentár" sheetId="1" r:id="rId1"/>
    <sheet name="Anexo - 02 - Despesas por Funçã" sheetId="2" r:id="rId2"/>
    <sheet name="Anexo - 03 - Receita Corrente L" sheetId="3" r:id="rId3"/>
    <sheet name="Anexo - 04 - Receitas e Despesa" sheetId="4" r:id="rId4"/>
    <sheet name="Anexo - 06 - Resultado Primário" sheetId="5" r:id="rId5"/>
    <sheet name="Anexo - 07 - Restos a Pagar por" sheetId="6" r:id="rId6"/>
    <sheet name="Anexo - 08 - Receitas e Despesa" sheetId="7" r:id="rId7"/>
    <sheet name="Anexo - 08.1 - Despesa MDE-Cons" sheetId="8" r:id="rId8"/>
    <sheet name="Anexo - 12 - Receitas e Despesa" sheetId="9" r:id="rId9"/>
    <sheet name="Anexo - 12.1 - Despesas Saúde -" sheetId="10" r:id="rId10"/>
    <sheet name="Anexo - 13 - Parcerias Público-" sheetId="11" r:id="rId11"/>
    <sheet name="Anexo - 14 - Resumo Execução Or" sheetId="12" r:id="rId12"/>
  </sheets>
  <calcPr calcId="0"/>
</workbook>
</file>

<file path=xl/sharedStrings.xml><?xml version="1.0" encoding="utf-8"?>
<sst xmlns="http://schemas.openxmlformats.org/spreadsheetml/2006/main" count="3061" uniqueCount="1258">
  <si>
    <t>ESTADO DE MATO GROSSO DO SUL</t>
  </si>
  <si>
    <t>Relatório Resumido de Execução Orçamentária</t>
  </si>
  <si>
    <t>BALANÇO ORÇAMENTÁRIO</t>
  </si>
  <si>
    <t>Orçamentos Fiscal e da Seguridade Social</t>
  </si>
  <si>
    <t>JANEIRO A AGOSTO DE 2021 / BIMESTRE JULHO - AGOST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0,00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1 - Promoção da Produção Vegetal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00001</t>
  </si>
  <si>
    <t>Total</t>
  </si>
  <si>
    <t>DEMONSTRATIVO DA RECEITA CORRENTE LÍQUIDA</t>
  </si>
  <si>
    <t>RREO - Anexo 3 (LRF, art. 53, inciso I)</t>
  </si>
  <si>
    <t>ESPECIFICAÇÃO</t>
  </si>
  <si>
    <t>Evolução da Receita Realizada nos últimos 12 meses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Total (ùltimos 12 Meses)</t>
  </si>
  <si>
    <t>Previsão Atualizada 2021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2</t>
  </si>
  <si>
    <t>RESULTADO PREVIDENCIÁRIO - FUNDO EM CAPITALIZAÇÃO (VI) = (IV – V)²</t>
  </si>
  <si>
    <t>-713209806,00</t>
  </si>
  <si>
    <t>-158238591,21</t>
  </si>
  <si>
    <t>-115159034,52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 xml:space="preserve">   Compensação Previdenciária entre os regimes</t>
  </si>
  <si>
    <t>TOTAL DAS DESPESAS DO FUNDO EM REPARTIÇÃO (X)</t>
  </si>
  <si>
    <t>RESULTADO PREVIDENCIÁRIO - FUNDO EM REPARTIÇÃO (IX) = (VII - VIII)2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II) = (X – XI)2</t>
  </si>
  <si>
    <t>RESULTADO DA ADMINISTRAÇÃO RPPS (XVI) = (XII – XV)²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V) = (XIII - XIV)2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OS INATIVOS MILITARES (XVIII) = (XVI –XVII)2</t>
  </si>
  <si>
    <t>RESULTADO ASSOCIADO ÀS PENSÕES E 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1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0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1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20</t>
  </si>
  <si>
    <t>Até o Bimestre/  2021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0 (b)</t>
  </si>
  <si>
    <t>Cancelados (d)</t>
  </si>
  <si>
    <t>Saldo e=(a+b)-(c+d)</t>
  </si>
  <si>
    <t>Restos a Pagar Não Processados</t>
  </si>
  <si>
    <t>Inscritos em Exercícios Anteriores (f)</t>
  </si>
  <si>
    <t>Inscritos Em 31 de Dezembro de 2020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0 (q)</t>
  </si>
  <si>
    <t>Valor Não Aplicado No Exercício 2020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DESPESAS CUSTEADAS COM RECEITAS ADICIONAIS PARA FINANCIAMENTO DO ENSIN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0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1 (saldo final = XXd)</t>
  </si>
  <si>
    <t>Diferença de limite não cumprido em 2020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1 (regra nova)</t>
  </si>
  <si>
    <t>Empenhos de 2020 (regra nova)</t>
  </si>
  <si>
    <t>Empenhos de 2019 (regra nova)</t>
  </si>
  <si>
    <t>Empenhos de 2018</t>
  </si>
  <si>
    <t>Empenhos de 2017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1 a serem compensados (XXV) (saldo inicial = XXIV)</t>
  </si>
  <si>
    <t xml:space="preserve"> Restos a pagar cancelados ou prescritos em 2020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REGISTROS EFETUADOS EM 2021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Fundo em Repartição (PLANO FINANCEIRO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C184" workbookViewId="0">
      <selection activeCell="C189" sqref="C189:K198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5441546800</v>
      </c>
      <c r="D12" s="11">
        <v>15729058488</v>
      </c>
      <c r="E12" s="11">
        <v>3043107734.02</v>
      </c>
      <c r="F12" s="11">
        <v>19.350000000000001</v>
      </c>
      <c r="G12" s="11">
        <v>11212703873.629999</v>
      </c>
      <c r="H12" s="11">
        <v>71.290000000000006</v>
      </c>
      <c r="I12" s="11">
        <v>4516354614.3699999</v>
      </c>
    </row>
    <row r="13" spans="1:11" x14ac:dyDescent="0.25">
      <c r="A13" s="3" t="s">
        <v>19</v>
      </c>
      <c r="B13" s="5" t="s">
        <v>20</v>
      </c>
      <c r="C13" s="11">
        <v>14142346300</v>
      </c>
      <c r="D13" s="11">
        <v>14300939015</v>
      </c>
      <c r="E13" s="11">
        <v>2944305224.04</v>
      </c>
      <c r="F13" s="11">
        <v>20.59</v>
      </c>
      <c r="G13" s="11">
        <v>11062994987.93</v>
      </c>
      <c r="H13" s="11">
        <v>77.36</v>
      </c>
      <c r="I13" s="11">
        <v>3237944027.0700002</v>
      </c>
    </row>
    <row r="14" spans="1:11" x14ac:dyDescent="0.25">
      <c r="A14" s="3" t="s">
        <v>21</v>
      </c>
      <c r="B14" s="5" t="s">
        <v>22</v>
      </c>
      <c r="C14" s="11">
        <v>7750745900</v>
      </c>
      <c r="D14" s="11">
        <v>7765745900</v>
      </c>
      <c r="E14" s="11">
        <v>1660509922.01</v>
      </c>
      <c r="F14" s="11">
        <v>21.38</v>
      </c>
      <c r="G14" s="11">
        <v>6286444072.4399996</v>
      </c>
      <c r="H14" s="11">
        <v>80.95</v>
      </c>
      <c r="I14" s="11">
        <v>1479301827.5599999</v>
      </c>
    </row>
    <row r="15" spans="1:11" x14ac:dyDescent="0.25">
      <c r="A15" s="2" t="s">
        <v>23</v>
      </c>
      <c r="B15" s="4" t="s">
        <v>24</v>
      </c>
      <c r="C15" s="12">
        <v>7480536900</v>
      </c>
      <c r="D15" s="12">
        <v>7480536900</v>
      </c>
      <c r="E15" s="12">
        <v>1586694262.9300001</v>
      </c>
      <c r="F15" s="12">
        <v>21.21</v>
      </c>
      <c r="G15" s="12">
        <v>6065124316.3800001</v>
      </c>
      <c r="H15" s="12">
        <v>81.08</v>
      </c>
      <c r="I15" s="12">
        <v>1415412583.6199999</v>
      </c>
    </row>
    <row r="16" spans="1:11" x14ac:dyDescent="0.25">
      <c r="A16" s="2" t="s">
        <v>25</v>
      </c>
      <c r="B16" s="4" t="s">
        <v>26</v>
      </c>
      <c r="C16" s="12">
        <v>270209000</v>
      </c>
      <c r="D16" s="12">
        <v>285209000</v>
      </c>
      <c r="E16" s="12">
        <v>73815659.079999998</v>
      </c>
      <c r="F16" s="12">
        <v>25.88</v>
      </c>
      <c r="G16" s="12">
        <v>221319756.06</v>
      </c>
      <c r="H16" s="12">
        <v>77.599999999999994</v>
      </c>
      <c r="I16" s="12">
        <v>63889243.939999998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30</v>
      </c>
      <c r="B18" s="5" t="s">
        <v>31</v>
      </c>
      <c r="C18" s="11">
        <v>770355100</v>
      </c>
      <c r="D18" s="11">
        <v>870355100</v>
      </c>
      <c r="E18" s="11">
        <v>158983755.53</v>
      </c>
      <c r="F18" s="11">
        <v>18.27</v>
      </c>
      <c r="G18" s="11">
        <v>567859930.35000002</v>
      </c>
      <c r="H18" s="11">
        <v>65.239999999999995</v>
      </c>
      <c r="I18" s="11">
        <v>302495169.64999998</v>
      </c>
    </row>
    <row r="19" spans="1:9" x14ac:dyDescent="0.25">
      <c r="A19" s="2" t="s">
        <v>32</v>
      </c>
      <c r="B19" s="4" t="s">
        <v>33</v>
      </c>
      <c r="C19" s="12">
        <v>770355100</v>
      </c>
      <c r="D19" s="12">
        <v>870355100</v>
      </c>
      <c r="E19" s="12">
        <v>158983755.53</v>
      </c>
      <c r="F19" s="12">
        <v>18.27</v>
      </c>
      <c r="G19" s="12">
        <v>567859930.35000002</v>
      </c>
      <c r="H19" s="12">
        <v>65.239999999999995</v>
      </c>
      <c r="I19" s="12">
        <v>302495169.64999998</v>
      </c>
    </row>
    <row r="20" spans="1:9" x14ac:dyDescent="0.25">
      <c r="A20" s="2" t="s">
        <v>34</v>
      </c>
      <c r="B20" s="4" t="s">
        <v>35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6</v>
      </c>
      <c r="B21" s="4" t="s">
        <v>37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8</v>
      </c>
      <c r="B22" s="4" t="s">
        <v>39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40</v>
      </c>
      <c r="B23" s="5" t="s">
        <v>41</v>
      </c>
      <c r="C23" s="11">
        <v>110812700</v>
      </c>
      <c r="D23" s="11">
        <v>110822700</v>
      </c>
      <c r="E23" s="11">
        <v>48225694.219999999</v>
      </c>
      <c r="F23" s="11">
        <v>43.52</v>
      </c>
      <c r="G23" s="11">
        <v>134432960.91</v>
      </c>
      <c r="H23" s="11">
        <v>121.3</v>
      </c>
      <c r="I23" s="11">
        <v>-23610260.91</v>
      </c>
    </row>
    <row r="24" spans="1:9" x14ac:dyDescent="0.25">
      <c r="A24" s="2" t="s">
        <v>42</v>
      </c>
      <c r="B24" s="4" t="s">
        <v>43</v>
      </c>
      <c r="C24" s="12">
        <v>1676900</v>
      </c>
      <c r="D24" s="12">
        <v>1676900</v>
      </c>
      <c r="E24" s="12">
        <v>159814.76999999999</v>
      </c>
      <c r="F24" s="12">
        <v>9.5299999999999994</v>
      </c>
      <c r="G24" s="12">
        <v>636291.55000000005</v>
      </c>
      <c r="H24" s="12">
        <v>37.94</v>
      </c>
      <c r="I24" s="12">
        <v>1040608.45</v>
      </c>
    </row>
    <row r="25" spans="1:9" x14ac:dyDescent="0.25">
      <c r="A25" s="2" t="s">
        <v>44</v>
      </c>
      <c r="B25" s="4" t="s">
        <v>45</v>
      </c>
      <c r="C25" s="12">
        <v>71335900</v>
      </c>
      <c r="D25" s="12">
        <v>71345900</v>
      </c>
      <c r="E25" s="12">
        <v>30012329.879999999</v>
      </c>
      <c r="F25" s="12">
        <v>42.07</v>
      </c>
      <c r="G25" s="12">
        <v>67175104.200000003</v>
      </c>
      <c r="H25" s="12">
        <v>94.15</v>
      </c>
      <c r="I25" s="12">
        <v>4170795.8</v>
      </c>
    </row>
    <row r="26" spans="1:9" x14ac:dyDescent="0.25">
      <c r="A26" s="2" t="s">
        <v>46</v>
      </c>
      <c r="B26" s="4" t="s">
        <v>47</v>
      </c>
      <c r="C26" s="12">
        <v>2661000</v>
      </c>
      <c r="D26" s="12">
        <v>2661000</v>
      </c>
      <c r="E26" s="12">
        <v>591883.16</v>
      </c>
      <c r="F26" s="12">
        <v>22.24</v>
      </c>
      <c r="G26" s="12">
        <v>2210925.29</v>
      </c>
      <c r="H26" s="12">
        <v>83.09</v>
      </c>
      <c r="I26" s="12">
        <v>450074.71</v>
      </c>
    </row>
    <row r="27" spans="1:9" x14ac:dyDescent="0.25">
      <c r="A27" s="2" t="s">
        <v>48</v>
      </c>
      <c r="B27" s="4" t="s">
        <v>49</v>
      </c>
      <c r="C27" s="12">
        <v>29138900</v>
      </c>
      <c r="D27" s="12">
        <v>29138900</v>
      </c>
      <c r="E27" s="12">
        <v>3309819.21</v>
      </c>
      <c r="F27" s="12">
        <v>11.36</v>
      </c>
      <c r="G27" s="12">
        <v>36726618.859999999</v>
      </c>
      <c r="H27" s="12">
        <v>126.04</v>
      </c>
      <c r="I27" s="12">
        <v>-7587718.8600000003</v>
      </c>
    </row>
    <row r="28" spans="1:9" x14ac:dyDescent="0.25">
      <c r="A28" s="2" t="s">
        <v>50</v>
      </c>
      <c r="B28" s="4" t="s">
        <v>51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2</v>
      </c>
      <c r="B29" s="4" t="s">
        <v>53</v>
      </c>
      <c r="C29" s="12">
        <v>6000000</v>
      </c>
      <c r="D29" s="12">
        <v>6000000</v>
      </c>
      <c r="E29" s="12">
        <v>14151847.199999999</v>
      </c>
      <c r="F29" s="12">
        <v>235.86</v>
      </c>
      <c r="G29" s="12">
        <v>27684021.010000002</v>
      </c>
      <c r="H29" s="12">
        <v>461.4</v>
      </c>
      <c r="I29" s="12">
        <v>-21684021.010000002</v>
      </c>
    </row>
    <row r="30" spans="1:9" x14ac:dyDescent="0.25">
      <c r="A30" s="2" t="s">
        <v>54</v>
      </c>
      <c r="B30" s="4" t="s">
        <v>55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6</v>
      </c>
      <c r="B31" s="4" t="s">
        <v>57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8</v>
      </c>
      <c r="B32" s="4" t="s">
        <v>59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60</v>
      </c>
      <c r="B33" s="5" t="s">
        <v>61</v>
      </c>
      <c r="C33" s="11">
        <v>876522000</v>
      </c>
      <c r="D33" s="11">
        <v>900792215</v>
      </c>
      <c r="E33" s="11">
        <v>165213851.44</v>
      </c>
      <c r="F33" s="11">
        <v>18.34</v>
      </c>
      <c r="G33" s="11">
        <v>524513693.02999997</v>
      </c>
      <c r="H33" s="11">
        <v>58.23</v>
      </c>
      <c r="I33" s="11">
        <v>376278521.97000003</v>
      </c>
    </row>
    <row r="34" spans="1:9" x14ac:dyDescent="0.25">
      <c r="A34" s="2" t="s">
        <v>62</v>
      </c>
      <c r="B34" s="4" t="s">
        <v>63</v>
      </c>
      <c r="C34" s="12">
        <v>798357400</v>
      </c>
      <c r="D34" s="12">
        <v>822627615</v>
      </c>
      <c r="E34" s="12">
        <v>152372596.08000001</v>
      </c>
      <c r="F34" s="12">
        <v>18.52</v>
      </c>
      <c r="G34" s="12">
        <v>468041926.98000002</v>
      </c>
      <c r="H34" s="12">
        <v>56.9</v>
      </c>
      <c r="I34" s="12">
        <v>354585688.01999998</v>
      </c>
    </row>
    <row r="35" spans="1:9" x14ac:dyDescent="0.25">
      <c r="A35" s="2" t="s">
        <v>64</v>
      </c>
      <c r="B35" s="4" t="s">
        <v>65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</row>
    <row r="36" spans="1:9" x14ac:dyDescent="0.25">
      <c r="A36" s="2" t="s">
        <v>66</v>
      </c>
      <c r="B36" s="4" t="s">
        <v>67</v>
      </c>
      <c r="C36" s="12">
        <v>68845800</v>
      </c>
      <c r="D36" s="12">
        <v>68845800</v>
      </c>
      <c r="E36" s="12">
        <v>10465059.380000001</v>
      </c>
      <c r="F36" s="12">
        <v>15.2</v>
      </c>
      <c r="G36" s="12">
        <v>48429489.520000003</v>
      </c>
      <c r="H36" s="12">
        <v>70.34</v>
      </c>
      <c r="I36" s="12">
        <v>20416310.48</v>
      </c>
    </row>
    <row r="37" spans="1:9" x14ac:dyDescent="0.25">
      <c r="A37" s="2" t="s">
        <v>68</v>
      </c>
      <c r="B37" s="4" t="s">
        <v>69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70</v>
      </c>
      <c r="B38" s="4" t="s">
        <v>71</v>
      </c>
      <c r="C38" s="12">
        <v>9318800</v>
      </c>
      <c r="D38" s="12">
        <v>9318800</v>
      </c>
      <c r="E38" s="12">
        <v>2376195.98</v>
      </c>
      <c r="F38" s="12">
        <v>25.5</v>
      </c>
      <c r="G38" s="12">
        <v>8042276.5300000003</v>
      </c>
      <c r="H38" s="12">
        <v>86.3</v>
      </c>
      <c r="I38" s="12">
        <v>1276523.47</v>
      </c>
    </row>
    <row r="39" spans="1:9" x14ac:dyDescent="0.25">
      <c r="A39" s="3" t="s">
        <v>72</v>
      </c>
      <c r="B39" s="5" t="s">
        <v>73</v>
      </c>
      <c r="C39" s="11">
        <v>4554115700</v>
      </c>
      <c r="D39" s="11">
        <v>4572938200</v>
      </c>
      <c r="E39" s="11">
        <v>890185546.89999998</v>
      </c>
      <c r="F39" s="11">
        <v>19.47</v>
      </c>
      <c r="G39" s="11">
        <v>3469064743.6900001</v>
      </c>
      <c r="H39" s="11">
        <v>75.86</v>
      </c>
      <c r="I39" s="11">
        <v>1103873456.3099999</v>
      </c>
    </row>
    <row r="40" spans="1:9" x14ac:dyDescent="0.25">
      <c r="A40" s="2" t="s">
        <v>74</v>
      </c>
      <c r="B40" s="4" t="s">
        <v>75</v>
      </c>
      <c r="C40" s="12">
        <v>1710671000</v>
      </c>
      <c r="D40" s="12">
        <v>1712421000</v>
      </c>
      <c r="E40" s="12">
        <v>309215845.72000003</v>
      </c>
      <c r="F40" s="12">
        <v>18.059999999999999</v>
      </c>
      <c r="G40" s="12">
        <v>1240331320.73</v>
      </c>
      <c r="H40" s="12">
        <v>72.430000000000007</v>
      </c>
      <c r="I40" s="12">
        <v>472089679.26999998</v>
      </c>
    </row>
    <row r="41" spans="1:9" x14ac:dyDescent="0.25">
      <c r="A41" s="2" t="s">
        <v>76</v>
      </c>
      <c r="B41" s="4" t="s">
        <v>7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8</v>
      </c>
      <c r="B42" s="4" t="s">
        <v>79</v>
      </c>
      <c r="C42" s="12">
        <v>221400</v>
      </c>
      <c r="D42" s="12">
        <v>221400</v>
      </c>
      <c r="E42" s="12">
        <v>641724.01</v>
      </c>
      <c r="F42" s="12">
        <v>289.85000000000002</v>
      </c>
      <c r="G42" s="12">
        <v>1694624.24</v>
      </c>
      <c r="H42" s="12">
        <v>765.41</v>
      </c>
      <c r="I42" s="12">
        <v>-1473224.24</v>
      </c>
    </row>
    <row r="43" spans="1:9" x14ac:dyDescent="0.25">
      <c r="A43" s="2" t="s">
        <v>80</v>
      </c>
      <c r="B43" s="4" t="s">
        <v>81</v>
      </c>
      <c r="C43" s="12">
        <v>1633598900</v>
      </c>
      <c r="D43" s="12">
        <v>1650671400</v>
      </c>
      <c r="E43" s="12">
        <v>349915468.88999999</v>
      </c>
      <c r="F43" s="12">
        <v>21.2</v>
      </c>
      <c r="G43" s="12">
        <v>1326317500.4300001</v>
      </c>
      <c r="H43" s="12">
        <v>80.349999999999994</v>
      </c>
      <c r="I43" s="12">
        <v>324353899.56999999</v>
      </c>
    </row>
    <row r="44" spans="1:9" x14ac:dyDescent="0.25">
      <c r="A44" s="2" t="s">
        <v>82</v>
      </c>
      <c r="B44" s="4" t="s">
        <v>83</v>
      </c>
      <c r="C44" s="12">
        <v>1205818000</v>
      </c>
      <c r="D44" s="12">
        <v>1205818000</v>
      </c>
      <c r="E44" s="12">
        <v>230409708.28</v>
      </c>
      <c r="F44" s="12">
        <v>19.11</v>
      </c>
      <c r="G44" s="12">
        <v>900702471.28999996</v>
      </c>
      <c r="H44" s="12">
        <v>74.7</v>
      </c>
      <c r="I44" s="12">
        <v>305115528.70999998</v>
      </c>
    </row>
    <row r="45" spans="1:9" x14ac:dyDescent="0.25">
      <c r="A45" s="2" t="s">
        <v>84</v>
      </c>
      <c r="B45" s="4" t="s">
        <v>85</v>
      </c>
      <c r="C45" s="12">
        <v>1331000</v>
      </c>
      <c r="D45" s="12">
        <v>1331000</v>
      </c>
      <c r="E45" s="12">
        <v>0</v>
      </c>
      <c r="F45" s="12">
        <v>0</v>
      </c>
      <c r="G45" s="12">
        <v>0</v>
      </c>
      <c r="H45" s="12">
        <v>0</v>
      </c>
      <c r="I45" s="12">
        <v>1331000</v>
      </c>
    </row>
    <row r="46" spans="1:9" x14ac:dyDescent="0.25">
      <c r="A46" s="2" t="s">
        <v>86</v>
      </c>
      <c r="B46" s="4" t="s">
        <v>87</v>
      </c>
      <c r="C46" s="12">
        <v>2475400</v>
      </c>
      <c r="D46" s="12">
        <v>2475400</v>
      </c>
      <c r="E46" s="12">
        <v>2800</v>
      </c>
      <c r="F46" s="12">
        <v>0.11</v>
      </c>
      <c r="G46" s="12">
        <v>18827</v>
      </c>
      <c r="H46" s="12">
        <v>0.76</v>
      </c>
      <c r="I46" s="12">
        <v>2456573</v>
      </c>
    </row>
    <row r="47" spans="1:9" x14ac:dyDescent="0.25">
      <c r="A47" s="2" t="s">
        <v>88</v>
      </c>
      <c r="B47" s="4" t="s">
        <v>89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90</v>
      </c>
      <c r="B48" s="5" t="s">
        <v>91</v>
      </c>
      <c r="C48" s="11">
        <v>79794900</v>
      </c>
      <c r="D48" s="11">
        <v>80284900</v>
      </c>
      <c r="E48" s="11">
        <v>21186453.940000001</v>
      </c>
      <c r="F48" s="11">
        <v>26.39</v>
      </c>
      <c r="G48" s="11">
        <v>80679587.510000005</v>
      </c>
      <c r="H48" s="11">
        <v>100.49</v>
      </c>
      <c r="I48" s="11">
        <v>-394687.51</v>
      </c>
    </row>
    <row r="49" spans="1:9" x14ac:dyDescent="0.25">
      <c r="A49" s="2" t="s">
        <v>92</v>
      </c>
      <c r="B49" s="4" t="s">
        <v>93</v>
      </c>
      <c r="C49" s="12">
        <v>49919500</v>
      </c>
      <c r="D49" s="12">
        <v>49919500</v>
      </c>
      <c r="E49" s="12">
        <v>6985210.9699999997</v>
      </c>
      <c r="F49" s="12">
        <v>13.99</v>
      </c>
      <c r="G49" s="12">
        <v>22228032.640000001</v>
      </c>
      <c r="H49" s="12">
        <v>44.53</v>
      </c>
      <c r="I49" s="12">
        <v>27691467.359999999</v>
      </c>
    </row>
    <row r="50" spans="1:9" x14ac:dyDescent="0.25">
      <c r="A50" s="2" t="s">
        <v>94</v>
      </c>
      <c r="B50" s="4" t="s">
        <v>95</v>
      </c>
      <c r="C50" s="12">
        <v>17034300</v>
      </c>
      <c r="D50" s="12">
        <v>17034300</v>
      </c>
      <c r="E50" s="12">
        <v>8736477.3900000006</v>
      </c>
      <c r="F50" s="12">
        <v>51.29</v>
      </c>
      <c r="G50" s="12">
        <v>42641113.850000001</v>
      </c>
      <c r="H50" s="12">
        <v>250.33</v>
      </c>
      <c r="I50" s="12">
        <v>-25606813.850000001</v>
      </c>
    </row>
    <row r="51" spans="1:9" x14ac:dyDescent="0.25">
      <c r="A51" s="2" t="s">
        <v>96</v>
      </c>
      <c r="B51" s="4" t="s">
        <v>97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8</v>
      </c>
      <c r="B52" s="4" t="s">
        <v>99</v>
      </c>
      <c r="C52" s="12">
        <v>12841100</v>
      </c>
      <c r="D52" s="12">
        <v>13331100</v>
      </c>
      <c r="E52" s="12">
        <v>5464765.5800000001</v>
      </c>
      <c r="F52" s="12">
        <v>40.99</v>
      </c>
      <c r="G52" s="12">
        <v>15810441.02</v>
      </c>
      <c r="H52" s="12">
        <v>118.6</v>
      </c>
      <c r="I52" s="12">
        <v>-2479341.02</v>
      </c>
    </row>
    <row r="53" spans="1:9" x14ac:dyDescent="0.25">
      <c r="A53" s="3" t="s">
        <v>100</v>
      </c>
      <c r="B53" s="5" t="s">
        <v>101</v>
      </c>
      <c r="C53" s="11">
        <v>1299200500</v>
      </c>
      <c r="D53" s="11">
        <v>1428119473</v>
      </c>
      <c r="E53" s="11">
        <v>98802509.980000004</v>
      </c>
      <c r="F53" s="11">
        <v>6.92</v>
      </c>
      <c r="G53" s="11">
        <v>149708885.69999999</v>
      </c>
      <c r="H53" s="11">
        <v>10.48</v>
      </c>
      <c r="I53" s="11">
        <v>1278410587.3</v>
      </c>
    </row>
    <row r="54" spans="1:9" x14ac:dyDescent="0.25">
      <c r="A54" s="3" t="s">
        <v>102</v>
      </c>
      <c r="B54" s="5" t="s">
        <v>103</v>
      </c>
      <c r="C54" s="11">
        <v>24511000</v>
      </c>
      <c r="D54" s="11">
        <v>153113200</v>
      </c>
      <c r="E54" s="11">
        <v>89394959.689999998</v>
      </c>
      <c r="F54" s="11">
        <v>58.38</v>
      </c>
      <c r="G54" s="11">
        <v>89394959.689999998</v>
      </c>
      <c r="H54" s="11">
        <v>58.38</v>
      </c>
      <c r="I54" s="11">
        <v>63718240.310000002</v>
      </c>
    </row>
    <row r="55" spans="1:9" x14ac:dyDescent="0.25">
      <c r="A55" s="2" t="s">
        <v>104</v>
      </c>
      <c r="B55" s="4" t="s">
        <v>105</v>
      </c>
      <c r="C55" s="12">
        <v>0</v>
      </c>
      <c r="D55" s="12">
        <v>100000000</v>
      </c>
      <c r="E55" s="12">
        <v>50000000</v>
      </c>
      <c r="F55" s="12">
        <v>50</v>
      </c>
      <c r="G55" s="12">
        <v>50000000</v>
      </c>
      <c r="H55" s="12">
        <v>50</v>
      </c>
      <c r="I55" s="12">
        <v>50000000</v>
      </c>
    </row>
    <row r="56" spans="1:9" x14ac:dyDescent="0.25">
      <c r="A56" s="2" t="s">
        <v>106</v>
      </c>
      <c r="B56" s="4" t="s">
        <v>107</v>
      </c>
      <c r="C56" s="12">
        <v>24511000</v>
      </c>
      <c r="D56" s="12">
        <v>53113200</v>
      </c>
      <c r="E56" s="12">
        <v>39394959.689999998</v>
      </c>
      <c r="F56" s="12">
        <v>74.17</v>
      </c>
      <c r="G56" s="12">
        <v>39394959.689999998</v>
      </c>
      <c r="H56" s="12">
        <v>74.17</v>
      </c>
      <c r="I56" s="12">
        <v>13718240.310000001</v>
      </c>
    </row>
    <row r="57" spans="1:9" x14ac:dyDescent="0.25">
      <c r="A57" s="3" t="s">
        <v>108</v>
      </c>
      <c r="B57" s="5" t="s">
        <v>109</v>
      </c>
      <c r="C57" s="11">
        <v>5395200</v>
      </c>
      <c r="D57" s="11">
        <v>5395200</v>
      </c>
      <c r="E57" s="11">
        <v>788345.59</v>
      </c>
      <c r="F57" s="11">
        <v>14.61</v>
      </c>
      <c r="G57" s="11">
        <v>3259650.95</v>
      </c>
      <c r="H57" s="11">
        <v>60.42</v>
      </c>
      <c r="I57" s="11">
        <v>2135549.0499999998</v>
      </c>
    </row>
    <row r="58" spans="1:9" x14ac:dyDescent="0.25">
      <c r="A58" s="2" t="s">
        <v>110</v>
      </c>
      <c r="B58" s="4" t="s">
        <v>111</v>
      </c>
      <c r="C58" s="12">
        <v>1266200</v>
      </c>
      <c r="D58" s="12">
        <v>1266200</v>
      </c>
      <c r="E58" s="12">
        <v>643450</v>
      </c>
      <c r="F58" s="12">
        <v>50.82</v>
      </c>
      <c r="G58" s="12">
        <v>2301740</v>
      </c>
      <c r="H58" s="12">
        <v>181.78</v>
      </c>
      <c r="I58" s="12">
        <v>-1035540</v>
      </c>
    </row>
    <row r="59" spans="1:9" x14ac:dyDescent="0.25">
      <c r="A59" s="2" t="s">
        <v>112</v>
      </c>
      <c r="B59" s="4" t="s">
        <v>113</v>
      </c>
      <c r="C59" s="12">
        <v>4129000</v>
      </c>
      <c r="D59" s="12">
        <v>4129000</v>
      </c>
      <c r="E59" s="12">
        <v>144895.59</v>
      </c>
      <c r="F59" s="12">
        <v>3.51</v>
      </c>
      <c r="G59" s="12">
        <v>957910.95</v>
      </c>
      <c r="H59" s="12">
        <v>23.2</v>
      </c>
      <c r="I59" s="12">
        <v>3171089.05</v>
      </c>
    </row>
    <row r="60" spans="1:9" x14ac:dyDescent="0.25">
      <c r="A60" s="2" t="s">
        <v>114</v>
      </c>
      <c r="B60" s="4" t="s">
        <v>115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6</v>
      </c>
      <c r="B61" s="4" t="s">
        <v>117</v>
      </c>
      <c r="C61" s="12">
        <v>8150600</v>
      </c>
      <c r="D61" s="12">
        <v>8150600</v>
      </c>
      <c r="E61" s="12">
        <v>1858150.9</v>
      </c>
      <c r="F61" s="12">
        <v>22.8</v>
      </c>
      <c r="G61" s="12">
        <v>6596842.7000000002</v>
      </c>
      <c r="H61" s="12">
        <v>80.94</v>
      </c>
      <c r="I61" s="12">
        <v>1553757.3</v>
      </c>
    </row>
    <row r="62" spans="1:9" x14ac:dyDescent="0.25">
      <c r="A62" s="3" t="s">
        <v>118</v>
      </c>
      <c r="B62" s="5" t="s">
        <v>119</v>
      </c>
      <c r="C62" s="11">
        <v>613073700</v>
      </c>
      <c r="D62" s="11">
        <v>613390473</v>
      </c>
      <c r="E62" s="11">
        <v>6761053.7999999998</v>
      </c>
      <c r="F62" s="11">
        <v>1.1000000000000001</v>
      </c>
      <c r="G62" s="11">
        <v>50457432.359999999</v>
      </c>
      <c r="H62" s="11">
        <v>8.23</v>
      </c>
      <c r="I62" s="11">
        <v>562933040.63999999</v>
      </c>
    </row>
    <row r="63" spans="1:9" x14ac:dyDescent="0.25">
      <c r="A63" s="2" t="s">
        <v>120</v>
      </c>
      <c r="B63" s="4" t="s">
        <v>75</v>
      </c>
      <c r="C63" s="12">
        <v>611354000</v>
      </c>
      <c r="D63" s="12">
        <v>611670773</v>
      </c>
      <c r="E63" s="12">
        <v>6750153.7999999998</v>
      </c>
      <c r="F63" s="12">
        <v>1.1000000000000001</v>
      </c>
      <c r="G63" s="12">
        <v>49478852.780000001</v>
      </c>
      <c r="H63" s="12">
        <v>8.09</v>
      </c>
      <c r="I63" s="12">
        <v>562191920.22000003</v>
      </c>
    </row>
    <row r="64" spans="1:9" x14ac:dyDescent="0.25">
      <c r="A64" s="2" t="s">
        <v>121</v>
      </c>
      <c r="B64" s="4" t="s">
        <v>77</v>
      </c>
      <c r="C64" s="12">
        <v>638000</v>
      </c>
      <c r="D64" s="12">
        <v>638000</v>
      </c>
      <c r="E64" s="12">
        <v>0</v>
      </c>
      <c r="F64" s="12">
        <v>0</v>
      </c>
      <c r="G64" s="12">
        <v>967679.58</v>
      </c>
      <c r="H64" s="12">
        <v>151.66999999999999</v>
      </c>
      <c r="I64" s="12">
        <v>-329679.58</v>
      </c>
    </row>
    <row r="65" spans="1:9" x14ac:dyDescent="0.25">
      <c r="A65" s="2" t="s">
        <v>122</v>
      </c>
      <c r="B65" s="4" t="s">
        <v>79</v>
      </c>
      <c r="C65" s="12">
        <v>0</v>
      </c>
      <c r="D65" s="12">
        <v>0</v>
      </c>
      <c r="E65" s="12">
        <v>10900</v>
      </c>
      <c r="F65" s="12">
        <v>0</v>
      </c>
      <c r="G65" s="12">
        <v>10900</v>
      </c>
      <c r="H65" s="12">
        <v>0</v>
      </c>
      <c r="I65" s="12">
        <v>-10900</v>
      </c>
    </row>
    <row r="66" spans="1:9" x14ac:dyDescent="0.25">
      <c r="A66" s="2" t="s">
        <v>123</v>
      </c>
      <c r="B66" s="4" t="s">
        <v>81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24</v>
      </c>
      <c r="B67" s="4" t="s">
        <v>83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5</v>
      </c>
      <c r="B68" s="4" t="s">
        <v>85</v>
      </c>
      <c r="C68" s="12">
        <v>257000</v>
      </c>
      <c r="D68" s="12">
        <v>257000</v>
      </c>
      <c r="E68" s="12">
        <v>0</v>
      </c>
      <c r="F68" s="12">
        <v>0</v>
      </c>
      <c r="G68" s="12">
        <v>0</v>
      </c>
      <c r="H68" s="12">
        <v>0</v>
      </c>
      <c r="I68" s="12">
        <v>257000</v>
      </c>
    </row>
    <row r="69" spans="1:9" x14ac:dyDescent="0.25">
      <c r="A69" s="2" t="s">
        <v>126</v>
      </c>
      <c r="B69" s="4" t="s">
        <v>87</v>
      </c>
      <c r="C69" s="12">
        <v>824700</v>
      </c>
      <c r="D69" s="12">
        <v>824700</v>
      </c>
      <c r="E69" s="12">
        <v>0</v>
      </c>
      <c r="F69" s="12">
        <v>0</v>
      </c>
      <c r="G69" s="12">
        <v>0</v>
      </c>
      <c r="H69" s="12">
        <v>0</v>
      </c>
      <c r="I69" s="12">
        <v>824700</v>
      </c>
    </row>
    <row r="70" spans="1:9" x14ac:dyDescent="0.25">
      <c r="A70" s="2" t="s">
        <v>127</v>
      </c>
      <c r="B70" s="4" t="s">
        <v>89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8</v>
      </c>
      <c r="B71" s="5" t="s">
        <v>129</v>
      </c>
      <c r="C71" s="11">
        <v>648070000</v>
      </c>
      <c r="D71" s="11">
        <v>648070000</v>
      </c>
      <c r="E71" s="11">
        <v>0</v>
      </c>
      <c r="F71" s="11">
        <v>0</v>
      </c>
      <c r="G71" s="11">
        <v>0</v>
      </c>
      <c r="H71" s="11">
        <v>0</v>
      </c>
      <c r="I71" s="11">
        <v>648070000</v>
      </c>
    </row>
    <row r="72" spans="1:9" x14ac:dyDescent="0.25">
      <c r="A72" s="2" t="s">
        <v>130</v>
      </c>
      <c r="B72" s="4" t="s">
        <v>131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2</v>
      </c>
      <c r="B73" s="4" t="s">
        <v>133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4</v>
      </c>
      <c r="B74" s="4" t="s">
        <v>135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6</v>
      </c>
      <c r="B75" s="4" t="s">
        <v>137</v>
      </c>
      <c r="C75" s="12">
        <v>648070000</v>
      </c>
      <c r="D75" s="12">
        <v>648070000</v>
      </c>
      <c r="E75" s="12">
        <v>0</v>
      </c>
      <c r="F75" s="12">
        <v>0</v>
      </c>
      <c r="G75" s="12">
        <v>0</v>
      </c>
      <c r="H75" s="12">
        <v>0</v>
      </c>
      <c r="I75" s="12">
        <v>648070000</v>
      </c>
    </row>
    <row r="76" spans="1:9" x14ac:dyDescent="0.25">
      <c r="A76" s="2" t="s">
        <v>138</v>
      </c>
      <c r="B76" s="4" t="s">
        <v>139</v>
      </c>
      <c r="C76" s="12">
        <v>1382157700</v>
      </c>
      <c r="D76" s="12">
        <v>1390157700</v>
      </c>
      <c r="E76" s="12">
        <v>375620231.50999999</v>
      </c>
      <c r="F76" s="12">
        <v>27.02</v>
      </c>
      <c r="G76" s="12">
        <v>1317360186.0899999</v>
      </c>
      <c r="H76" s="12">
        <v>94.76</v>
      </c>
      <c r="I76" s="12">
        <v>72797513.909999996</v>
      </c>
    </row>
    <row r="77" spans="1:9" x14ac:dyDescent="0.25">
      <c r="A77" s="3" t="s">
        <v>140</v>
      </c>
      <c r="B77" s="5" t="s">
        <v>141</v>
      </c>
      <c r="C77" s="11">
        <v>16823704500</v>
      </c>
      <c r="D77" s="11">
        <v>17119216188</v>
      </c>
      <c r="E77" s="11">
        <v>3418727965.5300002</v>
      </c>
      <c r="F77" s="11">
        <v>19.97</v>
      </c>
      <c r="G77" s="11">
        <v>12530064059.719999</v>
      </c>
      <c r="H77" s="11">
        <v>73.19</v>
      </c>
      <c r="I77" s="11">
        <v>4589152128.2799997</v>
      </c>
    </row>
    <row r="78" spans="1:9" x14ac:dyDescent="0.25">
      <c r="A78" s="3" t="s">
        <v>142</v>
      </c>
      <c r="B78" s="5" t="s">
        <v>143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4</v>
      </c>
      <c r="B79" s="5" t="s">
        <v>145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6</v>
      </c>
      <c r="B80" s="4" t="s">
        <v>147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8</v>
      </c>
      <c r="B81" s="4" t="s">
        <v>149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50</v>
      </c>
      <c r="B82" s="5" t="s">
        <v>151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2</v>
      </c>
      <c r="B83" s="4" t="s">
        <v>147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3</v>
      </c>
      <c r="B84" s="4" t="s">
        <v>149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4</v>
      </c>
      <c r="B85" s="5" t="s">
        <v>155</v>
      </c>
      <c r="C85" s="11">
        <v>16823704500</v>
      </c>
      <c r="D85" s="11">
        <v>17119216188</v>
      </c>
      <c r="E85" s="11">
        <v>3418727965.5300002</v>
      </c>
      <c r="F85" s="11">
        <v>19.97</v>
      </c>
      <c r="G85" s="11">
        <v>12530064059.719999</v>
      </c>
      <c r="H85" s="11">
        <v>73.19</v>
      </c>
      <c r="I85" s="11">
        <v>4589152128.2799997</v>
      </c>
    </row>
    <row r="86" spans="1:11" x14ac:dyDescent="0.25">
      <c r="A86" s="2" t="s">
        <v>156</v>
      </c>
      <c r="B86" s="4" t="s">
        <v>157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8</v>
      </c>
      <c r="B87" s="5" t="s">
        <v>159</v>
      </c>
      <c r="C87" s="11">
        <v>16823704500</v>
      </c>
      <c r="D87" s="11">
        <v>17119216188</v>
      </c>
      <c r="E87" s="11">
        <v>3418727965.5300002</v>
      </c>
      <c r="F87" s="11">
        <v>19.97</v>
      </c>
      <c r="G87" s="11">
        <v>12530064059.719999</v>
      </c>
      <c r="H87" s="11">
        <v>73.19</v>
      </c>
      <c r="I87" s="11">
        <v>4589152128.2799997</v>
      </c>
    </row>
    <row r="88" spans="1:11" x14ac:dyDescent="0.25">
      <c r="A88" s="3" t="s">
        <v>160</v>
      </c>
      <c r="B88" s="5" t="s">
        <v>161</v>
      </c>
      <c r="C88" s="11">
        <v>0</v>
      </c>
      <c r="D88" s="11">
        <v>1577620668.4300001</v>
      </c>
      <c r="E88" s="11">
        <v>0</v>
      </c>
      <c r="F88" s="11">
        <v>0</v>
      </c>
      <c r="G88" s="11">
        <v>1577620668.4300001</v>
      </c>
      <c r="H88" s="11">
        <v>100</v>
      </c>
      <c r="I88" s="11">
        <v>0</v>
      </c>
    </row>
    <row r="89" spans="1:11" x14ac:dyDescent="0.25">
      <c r="A89" s="2" t="s">
        <v>162</v>
      </c>
      <c r="B89" s="4" t="s">
        <v>163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4</v>
      </c>
      <c r="B90" s="4" t="s">
        <v>165</v>
      </c>
      <c r="C90" s="12">
        <v>0</v>
      </c>
      <c r="D90" s="12">
        <v>1577620668.4300001</v>
      </c>
      <c r="E90" s="12">
        <v>0</v>
      </c>
      <c r="F90" s="12">
        <v>0</v>
      </c>
      <c r="G90" s="12">
        <v>1577620668.4300001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6</v>
      </c>
      <c r="C92" s="10" t="s">
        <v>167</v>
      </c>
      <c r="D92" s="10" t="s">
        <v>168</v>
      </c>
      <c r="E92" s="10" t="s">
        <v>169</v>
      </c>
      <c r="F92" s="10" t="s">
        <v>7</v>
      </c>
      <c r="G92" s="10" t="s">
        <v>172</v>
      </c>
      <c r="H92" s="10" t="s">
        <v>173</v>
      </c>
      <c r="I92" s="10" t="s">
        <v>7</v>
      </c>
      <c r="J92" s="10" t="s">
        <v>175</v>
      </c>
      <c r="K92" s="10" t="s">
        <v>176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70</v>
      </c>
      <c r="F93" s="1" t="s">
        <v>171</v>
      </c>
      <c r="G93" s="10" t="s">
        <v>7</v>
      </c>
      <c r="H93" s="1" t="s">
        <v>170</v>
      </c>
      <c r="I93" s="1" t="s">
        <v>174</v>
      </c>
      <c r="J93" s="10" t="s">
        <v>7</v>
      </c>
      <c r="K93" s="10" t="s">
        <v>7</v>
      </c>
    </row>
    <row r="94" spans="1:11" x14ac:dyDescent="0.25">
      <c r="A94" s="3" t="s">
        <v>177</v>
      </c>
      <c r="B94" s="5" t="s">
        <v>178</v>
      </c>
      <c r="C94" s="11">
        <v>15050076900</v>
      </c>
      <c r="D94" s="11">
        <v>16733911626.629999</v>
      </c>
      <c r="E94" s="11">
        <v>2414504339.1999998</v>
      </c>
      <c r="F94" s="11">
        <v>11073872193.92</v>
      </c>
      <c r="G94" s="11">
        <v>5660039432.71</v>
      </c>
      <c r="H94" s="11">
        <v>2489230646.3600001</v>
      </c>
      <c r="I94" s="11">
        <v>9321742367.4500008</v>
      </c>
      <c r="J94" s="11">
        <v>7412169259.1800003</v>
      </c>
      <c r="K94" s="11">
        <v>9189973946.7099991</v>
      </c>
    </row>
    <row r="95" spans="1:11" x14ac:dyDescent="0.25">
      <c r="A95" s="3" t="s">
        <v>179</v>
      </c>
      <c r="B95" s="5" t="s">
        <v>180</v>
      </c>
      <c r="C95" s="11">
        <v>12389602700</v>
      </c>
      <c r="D95" s="11">
        <v>13107576814.629999</v>
      </c>
      <c r="E95" s="11">
        <v>2003688478.53</v>
      </c>
      <c r="F95" s="11">
        <v>9311886145.1399994</v>
      </c>
      <c r="G95" s="11">
        <v>3795690669.4899998</v>
      </c>
      <c r="H95" s="11">
        <v>2196047987.5799999</v>
      </c>
      <c r="I95" s="11">
        <v>8391391667.1199999</v>
      </c>
      <c r="J95" s="11">
        <v>4716185147.5100002</v>
      </c>
      <c r="K95" s="11">
        <v>8264528685.5299997</v>
      </c>
    </row>
    <row r="96" spans="1:11" x14ac:dyDescent="0.25">
      <c r="A96" s="2" t="s">
        <v>181</v>
      </c>
      <c r="B96" s="4" t="s">
        <v>182</v>
      </c>
      <c r="C96" s="12">
        <v>8178401200</v>
      </c>
      <c r="D96" s="12">
        <v>8026157398.9300003</v>
      </c>
      <c r="E96" s="12">
        <v>1239481042.4400001</v>
      </c>
      <c r="F96" s="12">
        <v>6203074915.0799999</v>
      </c>
      <c r="G96" s="12">
        <v>1823082483.8499999</v>
      </c>
      <c r="H96" s="12">
        <v>1449756402.49</v>
      </c>
      <c r="I96" s="12">
        <v>5831415320.5900002</v>
      </c>
      <c r="J96" s="12">
        <v>2194742078.3400002</v>
      </c>
      <c r="K96" s="12">
        <v>5786821490.0500002</v>
      </c>
    </row>
    <row r="97" spans="1:11" x14ac:dyDescent="0.25">
      <c r="A97" s="2" t="s">
        <v>183</v>
      </c>
      <c r="B97" s="4" t="s">
        <v>184</v>
      </c>
      <c r="C97" s="12">
        <v>530788700</v>
      </c>
      <c r="D97" s="12">
        <v>345615032</v>
      </c>
      <c r="E97" s="12">
        <v>51403743.109999999</v>
      </c>
      <c r="F97" s="12">
        <v>205805934.91</v>
      </c>
      <c r="G97" s="12">
        <v>139809097.09</v>
      </c>
      <c r="H97" s="12">
        <v>51585984.32</v>
      </c>
      <c r="I97" s="12">
        <v>205314626.33000001</v>
      </c>
      <c r="J97" s="12">
        <v>140300405.66999999</v>
      </c>
      <c r="K97" s="12">
        <v>205314626.33000001</v>
      </c>
    </row>
    <row r="98" spans="1:11" x14ac:dyDescent="0.25">
      <c r="A98" s="3" t="s">
        <v>185</v>
      </c>
      <c r="B98" s="5" t="s">
        <v>186</v>
      </c>
      <c r="C98" s="11">
        <v>3680412800</v>
      </c>
      <c r="D98" s="11">
        <v>4735804383.6999998</v>
      </c>
      <c r="E98" s="11">
        <v>712803692.98000002</v>
      </c>
      <c r="F98" s="11">
        <v>2903005295.1500001</v>
      </c>
      <c r="G98" s="11">
        <v>1832799088.55</v>
      </c>
      <c r="H98" s="11">
        <v>694705600.76999998</v>
      </c>
      <c r="I98" s="11">
        <v>2354661720.1999998</v>
      </c>
      <c r="J98" s="11">
        <v>2381142663.5</v>
      </c>
      <c r="K98" s="11">
        <v>2272392569.1500001</v>
      </c>
    </row>
    <row r="99" spans="1:11" x14ac:dyDescent="0.25">
      <c r="A99" s="2" t="s">
        <v>187</v>
      </c>
      <c r="B99" s="4" t="s">
        <v>188</v>
      </c>
      <c r="C99" s="12">
        <v>168000000</v>
      </c>
      <c r="D99" s="12">
        <v>501458800</v>
      </c>
      <c r="E99" s="12">
        <v>83038922.540000007</v>
      </c>
      <c r="F99" s="12">
        <v>349987197.24000001</v>
      </c>
      <c r="G99" s="12">
        <v>151471602.75999999</v>
      </c>
      <c r="H99" s="12">
        <v>81319690.650000006</v>
      </c>
      <c r="I99" s="12">
        <v>345607481.19</v>
      </c>
      <c r="J99" s="12">
        <v>155851318.81</v>
      </c>
      <c r="K99" s="12">
        <v>303802493.73000002</v>
      </c>
    </row>
    <row r="100" spans="1:11" x14ac:dyDescent="0.25">
      <c r="A100" s="2" t="s">
        <v>189</v>
      </c>
      <c r="B100" s="4" t="s">
        <v>190</v>
      </c>
      <c r="C100" s="12">
        <v>3512412800</v>
      </c>
      <c r="D100" s="12">
        <v>4234345583.6999998</v>
      </c>
      <c r="E100" s="12">
        <v>629764770.44000006</v>
      </c>
      <c r="F100" s="12">
        <v>2553018097.9099998</v>
      </c>
      <c r="G100" s="12">
        <v>1681327485.79</v>
      </c>
      <c r="H100" s="12">
        <v>613385910.12</v>
      </c>
      <c r="I100" s="12">
        <v>2009054239.01</v>
      </c>
      <c r="J100" s="12">
        <v>2225291344.6900001</v>
      </c>
      <c r="K100" s="12">
        <v>1968590075.4200001</v>
      </c>
    </row>
    <row r="101" spans="1:11" x14ac:dyDescent="0.25">
      <c r="A101" s="3" t="s">
        <v>191</v>
      </c>
      <c r="B101" s="5" t="s">
        <v>192</v>
      </c>
      <c r="C101" s="11">
        <v>2526336200</v>
      </c>
      <c r="D101" s="11">
        <v>3581120685</v>
      </c>
      <c r="E101" s="11">
        <v>410815860.67000002</v>
      </c>
      <c r="F101" s="11">
        <v>1761986048.78</v>
      </c>
      <c r="G101" s="11">
        <v>1819134636.22</v>
      </c>
      <c r="H101" s="11">
        <v>293182658.77999997</v>
      </c>
      <c r="I101" s="11">
        <v>930350700.33000004</v>
      </c>
      <c r="J101" s="11">
        <v>2650769984.6700001</v>
      </c>
      <c r="K101" s="11">
        <v>925445261.17999995</v>
      </c>
    </row>
    <row r="102" spans="1:11" x14ac:dyDescent="0.25">
      <c r="A102" s="2" t="s">
        <v>193</v>
      </c>
      <c r="B102" s="4" t="s">
        <v>194</v>
      </c>
      <c r="C102" s="12">
        <v>1959477700</v>
      </c>
      <c r="D102" s="12">
        <v>2990206684</v>
      </c>
      <c r="E102" s="12">
        <v>332090842.48000002</v>
      </c>
      <c r="F102" s="12">
        <v>1470927562.25</v>
      </c>
      <c r="G102" s="12">
        <v>1519279121.75</v>
      </c>
      <c r="H102" s="12">
        <v>247164552.49000001</v>
      </c>
      <c r="I102" s="12">
        <v>682755429.15999997</v>
      </c>
      <c r="J102" s="12">
        <v>2307451254.8400002</v>
      </c>
      <c r="K102" s="12">
        <v>677849990.00999999</v>
      </c>
    </row>
    <row r="103" spans="1:11" x14ac:dyDescent="0.25">
      <c r="A103" s="2" t="s">
        <v>195</v>
      </c>
      <c r="B103" s="4" t="s">
        <v>196</v>
      </c>
      <c r="C103" s="12">
        <v>651100</v>
      </c>
      <c r="D103" s="12">
        <v>120918856</v>
      </c>
      <c r="E103" s="12">
        <v>40648686.740000002</v>
      </c>
      <c r="F103" s="12">
        <v>71596713.620000005</v>
      </c>
      <c r="G103" s="12">
        <v>49322142.380000003</v>
      </c>
      <c r="H103" s="12">
        <v>7760532</v>
      </c>
      <c r="I103" s="12">
        <v>28496416.870000001</v>
      </c>
      <c r="J103" s="12">
        <v>92422439.129999995</v>
      </c>
      <c r="K103" s="12">
        <v>28496416.870000001</v>
      </c>
    </row>
    <row r="104" spans="1:11" x14ac:dyDescent="0.25">
      <c r="A104" s="2" t="s">
        <v>197</v>
      </c>
      <c r="B104" s="4" t="s">
        <v>198</v>
      </c>
      <c r="C104" s="12">
        <v>566207400</v>
      </c>
      <c r="D104" s="12">
        <v>469995145</v>
      </c>
      <c r="E104" s="12">
        <v>38076331.450000003</v>
      </c>
      <c r="F104" s="12">
        <v>219461772.91</v>
      </c>
      <c r="G104" s="12">
        <v>250533372.09</v>
      </c>
      <c r="H104" s="12">
        <v>38257574.289999999</v>
      </c>
      <c r="I104" s="12">
        <v>219098854.30000001</v>
      </c>
      <c r="J104" s="12">
        <v>250896290.69999999</v>
      </c>
      <c r="K104" s="12">
        <v>219098854.30000001</v>
      </c>
    </row>
    <row r="105" spans="1:11" x14ac:dyDescent="0.25">
      <c r="A105" s="2" t="s">
        <v>199</v>
      </c>
      <c r="B105" s="4" t="s">
        <v>200</v>
      </c>
      <c r="C105" s="12">
        <v>134138000</v>
      </c>
      <c r="D105" s="12">
        <v>45214127</v>
      </c>
      <c r="E105" s="12">
        <v>0</v>
      </c>
      <c r="F105" s="12">
        <v>0</v>
      </c>
      <c r="G105" s="12">
        <v>45214127</v>
      </c>
      <c r="H105" s="12">
        <v>0</v>
      </c>
      <c r="I105" s="12">
        <v>0</v>
      </c>
      <c r="J105" s="12">
        <v>45214127</v>
      </c>
      <c r="K105" s="12">
        <v>0</v>
      </c>
    </row>
    <row r="106" spans="1:11" x14ac:dyDescent="0.25">
      <c r="A106" s="2" t="s">
        <v>201</v>
      </c>
      <c r="B106" s="4" t="s">
        <v>202</v>
      </c>
      <c r="C106" s="12">
        <v>1773627600</v>
      </c>
      <c r="D106" s="12">
        <v>1962925229.8</v>
      </c>
      <c r="E106" s="12">
        <v>304034288.63</v>
      </c>
      <c r="F106" s="12">
        <v>1390225110.8800001</v>
      </c>
      <c r="G106" s="12">
        <v>572700118.91999996</v>
      </c>
      <c r="H106" s="12">
        <v>330353782.64999998</v>
      </c>
      <c r="I106" s="12">
        <v>1328628518.04</v>
      </c>
      <c r="J106" s="12">
        <v>634296711.75999999</v>
      </c>
      <c r="K106" s="12">
        <v>1237358010.1300001</v>
      </c>
    </row>
    <row r="107" spans="1:11" x14ac:dyDescent="0.25">
      <c r="A107" s="3" t="s">
        <v>203</v>
      </c>
      <c r="B107" s="5" t="s">
        <v>204</v>
      </c>
      <c r="C107" s="11">
        <v>16823704500</v>
      </c>
      <c r="D107" s="11">
        <v>18696836856.43</v>
      </c>
      <c r="E107" s="11">
        <v>2718538627.8299999</v>
      </c>
      <c r="F107" s="11">
        <v>12464097304.799999</v>
      </c>
      <c r="G107" s="11">
        <v>6232739551.6300001</v>
      </c>
      <c r="H107" s="11">
        <v>2819584429.0100002</v>
      </c>
      <c r="I107" s="11">
        <v>10650370885.49</v>
      </c>
      <c r="J107" s="11">
        <v>8046465970.9399996</v>
      </c>
      <c r="K107" s="11">
        <v>10427331956.84</v>
      </c>
    </row>
    <row r="108" spans="1:11" x14ac:dyDescent="0.25">
      <c r="A108" s="3" t="s">
        <v>205</v>
      </c>
      <c r="B108" s="5" t="s">
        <v>206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7</v>
      </c>
      <c r="B109" s="5" t="s">
        <v>208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9</v>
      </c>
      <c r="B110" s="4" t="s">
        <v>210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1</v>
      </c>
      <c r="B111" s="4" t="s">
        <v>212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3</v>
      </c>
      <c r="B112" s="5" t="s">
        <v>214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5</v>
      </c>
      <c r="B113" s="4" t="s">
        <v>210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6</v>
      </c>
      <c r="B114" s="4" t="s">
        <v>212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7</v>
      </c>
      <c r="B115" s="5" t="s">
        <v>218</v>
      </c>
      <c r="C115" s="11">
        <v>16823704500</v>
      </c>
      <c r="D115" s="11">
        <v>18696836856.43</v>
      </c>
      <c r="E115" s="11">
        <v>2718538627.8299999</v>
      </c>
      <c r="F115" s="11">
        <v>12464097304.799999</v>
      </c>
      <c r="G115" s="11">
        <v>6232739551.6300001</v>
      </c>
      <c r="H115" s="11">
        <v>2819584429.0100002</v>
      </c>
      <c r="I115" s="11">
        <v>10650370885.49</v>
      </c>
      <c r="J115" s="11">
        <v>8046465970.9399996</v>
      </c>
      <c r="K115" s="11">
        <v>10427331956.84</v>
      </c>
    </row>
    <row r="116" spans="1:11" x14ac:dyDescent="0.25">
      <c r="A116" s="2" t="s">
        <v>219</v>
      </c>
      <c r="B116" s="4" t="s">
        <v>220</v>
      </c>
      <c r="C116" s="12">
        <v>0</v>
      </c>
      <c r="D116" s="12">
        <v>0</v>
      </c>
      <c r="E116" s="12">
        <v>0</v>
      </c>
      <c r="F116" s="12">
        <v>65966754.920000002</v>
      </c>
      <c r="G116" s="12">
        <v>0</v>
      </c>
      <c r="H116" s="12">
        <v>0</v>
      </c>
      <c r="I116" s="12">
        <v>1879693174.23</v>
      </c>
      <c r="J116" s="12">
        <v>0</v>
      </c>
      <c r="K116" s="12">
        <v>2102732102.8800001</v>
      </c>
    </row>
    <row r="117" spans="1:11" x14ac:dyDescent="0.25">
      <c r="A117" s="3" t="s">
        <v>221</v>
      </c>
      <c r="B117" s="5" t="s">
        <v>222</v>
      </c>
      <c r="C117" s="11">
        <v>16823704500</v>
      </c>
      <c r="D117" s="11">
        <v>18696836856.43</v>
      </c>
      <c r="E117" s="11">
        <v>2718538627.8299999</v>
      </c>
      <c r="F117" s="11">
        <v>12530064059.719999</v>
      </c>
      <c r="G117" s="11">
        <v>6232739551.6300001</v>
      </c>
      <c r="H117" s="11">
        <v>2819584429.0100002</v>
      </c>
      <c r="I117" s="11">
        <v>12530064059.719999</v>
      </c>
      <c r="J117" s="11">
        <v>8046465970.9399996</v>
      </c>
      <c r="K117" s="11">
        <v>12530064059.719999</v>
      </c>
    </row>
    <row r="118" spans="1:11" x14ac:dyDescent="0.25">
      <c r="A118" s="2" t="s">
        <v>223</v>
      </c>
      <c r="B118" s="4" t="s">
        <v>224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5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6</v>
      </c>
      <c r="B122" s="5" t="s">
        <v>227</v>
      </c>
      <c r="C122" s="11">
        <v>1382157700</v>
      </c>
      <c r="D122" s="11">
        <v>1390157700</v>
      </c>
      <c r="E122" s="11">
        <v>375620231.50999999</v>
      </c>
      <c r="F122" s="11">
        <v>27.02</v>
      </c>
      <c r="G122" s="11">
        <v>1317360186.0899999</v>
      </c>
      <c r="H122" s="11">
        <v>94.76</v>
      </c>
      <c r="I122" s="11">
        <v>72797513.909999996</v>
      </c>
    </row>
    <row r="123" spans="1:11" x14ac:dyDescent="0.25">
      <c r="A123" s="3" t="s">
        <v>228</v>
      </c>
      <c r="B123" s="5" t="s">
        <v>229</v>
      </c>
      <c r="C123" s="11">
        <v>1382157700</v>
      </c>
      <c r="D123" s="11">
        <v>1390157700</v>
      </c>
      <c r="E123" s="11">
        <v>375620231.50999999</v>
      </c>
      <c r="F123" s="11">
        <v>27.02</v>
      </c>
      <c r="G123" s="11">
        <v>1317360186.0899999</v>
      </c>
      <c r="H123" s="11">
        <v>94.76</v>
      </c>
      <c r="I123" s="11">
        <v>72797513.909999996</v>
      </c>
    </row>
    <row r="124" spans="1:11" x14ac:dyDescent="0.25">
      <c r="A124" s="3" t="s">
        <v>230</v>
      </c>
      <c r="B124" s="5" t="s">
        <v>231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2</v>
      </c>
      <c r="B125" s="4" t="s">
        <v>233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4</v>
      </c>
      <c r="B126" s="4" t="s">
        <v>235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6</v>
      </c>
      <c r="B127" s="4" t="s">
        <v>237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8</v>
      </c>
      <c r="B128" s="5" t="s">
        <v>239</v>
      </c>
      <c r="C128" s="11">
        <v>908278000</v>
      </c>
      <c r="D128" s="11">
        <v>908278000</v>
      </c>
      <c r="E128" s="11">
        <v>373991988.39999998</v>
      </c>
      <c r="F128" s="11">
        <v>41.18</v>
      </c>
      <c r="G128" s="11">
        <v>1310878550.27</v>
      </c>
      <c r="H128" s="11">
        <v>144.33000000000001</v>
      </c>
      <c r="I128" s="11">
        <v>-402600550.26999998</v>
      </c>
    </row>
    <row r="129" spans="1:9" x14ac:dyDescent="0.25">
      <c r="A129" s="2" t="s">
        <v>240</v>
      </c>
      <c r="B129" s="4" t="s">
        <v>241</v>
      </c>
      <c r="C129" s="12">
        <v>908278000</v>
      </c>
      <c r="D129" s="12">
        <v>908278000</v>
      </c>
      <c r="E129" s="12">
        <v>373991988.39999998</v>
      </c>
      <c r="F129" s="12">
        <v>41.18</v>
      </c>
      <c r="G129" s="12">
        <v>1310878550.27</v>
      </c>
      <c r="H129" s="12">
        <v>144.33000000000001</v>
      </c>
      <c r="I129" s="12">
        <v>-402600550.26999998</v>
      </c>
    </row>
    <row r="130" spans="1:9" x14ac:dyDescent="0.25">
      <c r="A130" s="2" t="s">
        <v>242</v>
      </c>
      <c r="B130" s="4" t="s">
        <v>243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4</v>
      </c>
      <c r="B131" s="4" t="s">
        <v>245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6</v>
      </c>
      <c r="B132" s="4" t="s">
        <v>247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8</v>
      </c>
      <c r="B133" s="5" t="s">
        <v>249</v>
      </c>
      <c r="C133" s="11">
        <v>30000000</v>
      </c>
      <c r="D133" s="11">
        <v>30000000</v>
      </c>
      <c r="E133" s="11">
        <v>0</v>
      </c>
      <c r="F133" s="11">
        <v>0</v>
      </c>
      <c r="G133" s="11">
        <v>0</v>
      </c>
      <c r="H133" s="11">
        <v>0</v>
      </c>
      <c r="I133" s="11">
        <v>30000000</v>
      </c>
    </row>
    <row r="134" spans="1:9" x14ac:dyDescent="0.25">
      <c r="A134" s="2" t="s">
        <v>250</v>
      </c>
      <c r="B134" s="4" t="s">
        <v>251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52</v>
      </c>
      <c r="B135" s="4" t="s">
        <v>253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4</v>
      </c>
      <c r="B136" s="4" t="s">
        <v>255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6</v>
      </c>
      <c r="B137" s="4" t="s">
        <v>257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8</v>
      </c>
      <c r="B138" s="4" t="s">
        <v>259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60</v>
      </c>
      <c r="B139" s="4" t="s">
        <v>261</v>
      </c>
      <c r="C139" s="12">
        <v>30000000</v>
      </c>
      <c r="D139" s="12">
        <v>30000000</v>
      </c>
      <c r="E139" s="12">
        <v>0</v>
      </c>
      <c r="F139" s="12">
        <v>0</v>
      </c>
      <c r="G139" s="12">
        <v>0</v>
      </c>
      <c r="H139" s="12">
        <v>0</v>
      </c>
      <c r="I139" s="12">
        <v>30000000</v>
      </c>
    </row>
    <row r="140" spans="1:9" x14ac:dyDescent="0.25">
      <c r="A140" s="2" t="s">
        <v>262</v>
      </c>
      <c r="B140" s="4" t="s">
        <v>263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4</v>
      </c>
      <c r="B141" s="4" t="s">
        <v>265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6</v>
      </c>
      <c r="B142" s="4" t="s">
        <v>267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8</v>
      </c>
      <c r="B143" s="5" t="s">
        <v>269</v>
      </c>
      <c r="C143" s="11">
        <v>0</v>
      </c>
      <c r="D143" s="11">
        <v>8000000</v>
      </c>
      <c r="E143" s="11">
        <v>0</v>
      </c>
      <c r="F143" s="11">
        <v>0</v>
      </c>
      <c r="G143" s="11">
        <v>0</v>
      </c>
      <c r="H143" s="11">
        <v>0</v>
      </c>
      <c r="I143" s="11">
        <v>8000000</v>
      </c>
    </row>
    <row r="144" spans="1:9" x14ac:dyDescent="0.25">
      <c r="A144" s="2" t="s">
        <v>270</v>
      </c>
      <c r="B144" s="4" t="s">
        <v>271</v>
      </c>
      <c r="C144" s="12">
        <v>0</v>
      </c>
      <c r="D144" s="12">
        <v>8000000</v>
      </c>
      <c r="E144" s="12">
        <v>0</v>
      </c>
      <c r="F144" s="12">
        <v>0</v>
      </c>
      <c r="G144" s="12">
        <v>0</v>
      </c>
      <c r="H144" s="12">
        <v>0</v>
      </c>
      <c r="I144" s="12">
        <v>8000000</v>
      </c>
    </row>
    <row r="145" spans="1:9" x14ac:dyDescent="0.25">
      <c r="A145" s="2" t="s">
        <v>272</v>
      </c>
      <c r="B145" s="4" t="s">
        <v>273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4</v>
      </c>
      <c r="B146" s="4" t="s">
        <v>275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6</v>
      </c>
      <c r="B147" s="4" t="s">
        <v>277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8</v>
      </c>
      <c r="B148" s="4" t="s">
        <v>279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80</v>
      </c>
      <c r="B149" s="5" t="s">
        <v>281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2</v>
      </c>
      <c r="B150" s="4" t="s">
        <v>283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4</v>
      </c>
      <c r="B151" s="4" t="s">
        <v>285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6</v>
      </c>
      <c r="B152" s="4" t="s">
        <v>287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8</v>
      </c>
      <c r="B153" s="4" t="s">
        <v>289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90</v>
      </c>
      <c r="B154" s="4" t="s">
        <v>291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2</v>
      </c>
      <c r="B155" s="4" t="s">
        <v>293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4</v>
      </c>
      <c r="B156" s="4" t="s">
        <v>295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6</v>
      </c>
      <c r="B157" s="4" t="s">
        <v>297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8</v>
      </c>
      <c r="B158" s="5" t="s">
        <v>299</v>
      </c>
      <c r="C158" s="11">
        <v>443879700</v>
      </c>
      <c r="D158" s="11">
        <v>443879700</v>
      </c>
      <c r="E158" s="11">
        <v>1628243.11</v>
      </c>
      <c r="F158" s="11">
        <v>0.37</v>
      </c>
      <c r="G158" s="11">
        <v>6481635.8200000003</v>
      </c>
      <c r="H158" s="11">
        <v>1.46</v>
      </c>
      <c r="I158" s="11">
        <v>437398064.18000001</v>
      </c>
    </row>
    <row r="159" spans="1:9" x14ac:dyDescent="0.25">
      <c r="A159" s="2" t="s">
        <v>300</v>
      </c>
      <c r="B159" s="4" t="s">
        <v>301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2</v>
      </c>
      <c r="B160" s="4" t="s">
        <v>303</v>
      </c>
      <c r="C160" s="12">
        <v>0</v>
      </c>
      <c r="D160" s="12">
        <v>0</v>
      </c>
      <c r="E160" s="12">
        <v>1628243.11</v>
      </c>
      <c r="F160" s="12">
        <v>0</v>
      </c>
      <c r="G160" s="12">
        <v>6481635.8200000003</v>
      </c>
      <c r="H160" s="12">
        <v>0</v>
      </c>
      <c r="I160" s="12">
        <v>-6481635.8200000003</v>
      </c>
    </row>
    <row r="161" spans="1:9" x14ac:dyDescent="0.25">
      <c r="A161" s="2" t="s">
        <v>304</v>
      </c>
      <c r="B161" s="4" t="s">
        <v>305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6</v>
      </c>
      <c r="B162" s="4" t="s">
        <v>307</v>
      </c>
      <c r="C162" s="12">
        <v>443879700</v>
      </c>
      <c r="D162" s="12">
        <v>443879700</v>
      </c>
      <c r="E162" s="12">
        <v>0</v>
      </c>
      <c r="F162" s="12">
        <v>0</v>
      </c>
      <c r="G162" s="12">
        <v>0</v>
      </c>
      <c r="H162" s="12">
        <v>0</v>
      </c>
      <c r="I162" s="12">
        <v>443879700</v>
      </c>
    </row>
    <row r="163" spans="1:9" x14ac:dyDescent="0.25">
      <c r="A163" s="3" t="s">
        <v>308</v>
      </c>
      <c r="B163" s="5" t="s">
        <v>309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10</v>
      </c>
      <c r="B164" s="5" t="s">
        <v>311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2</v>
      </c>
      <c r="B165" s="4" t="s">
        <v>313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4</v>
      </c>
      <c r="B166" s="4" t="s">
        <v>315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6</v>
      </c>
      <c r="B167" s="5" t="s">
        <v>317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8</v>
      </c>
      <c r="B168" s="4" t="s">
        <v>319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20</v>
      </c>
      <c r="B169" s="4" t="s">
        <v>321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2</v>
      </c>
      <c r="B170" s="4" t="s">
        <v>323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4</v>
      </c>
      <c r="B171" s="4" t="s">
        <v>325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6</v>
      </c>
      <c r="B172" s="5" t="s">
        <v>327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8</v>
      </c>
      <c r="B173" s="4" t="s">
        <v>283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9</v>
      </c>
      <c r="B174" s="4" t="s">
        <v>285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30</v>
      </c>
      <c r="B175" s="4" t="s">
        <v>287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1</v>
      </c>
      <c r="B176" s="4" t="s">
        <v>289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2</v>
      </c>
      <c r="B177" s="4" t="s">
        <v>291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3</v>
      </c>
      <c r="B178" s="4" t="s">
        <v>293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4</v>
      </c>
      <c r="B179" s="4" t="s">
        <v>295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5</v>
      </c>
      <c r="B180" s="4" t="s">
        <v>297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6</v>
      </c>
      <c r="B181" s="5" t="s">
        <v>337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8</v>
      </c>
      <c r="B182" s="4" t="s">
        <v>339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40</v>
      </c>
      <c r="B183" s="4" t="s">
        <v>341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2</v>
      </c>
      <c r="B184" s="4" t="s">
        <v>343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4</v>
      </c>
      <c r="B185" s="4" t="s">
        <v>345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6</v>
      </c>
      <c r="C187" s="10" t="s">
        <v>167</v>
      </c>
      <c r="D187" s="10" t="s">
        <v>168</v>
      </c>
      <c r="E187" s="10" t="s">
        <v>169</v>
      </c>
      <c r="F187" s="10" t="s">
        <v>7</v>
      </c>
      <c r="G187" s="10" t="s">
        <v>172</v>
      </c>
      <c r="H187" s="10" t="s">
        <v>173</v>
      </c>
      <c r="I187" s="10" t="s">
        <v>7</v>
      </c>
      <c r="J187" s="10" t="s">
        <v>175</v>
      </c>
      <c r="K187" s="10" t="s">
        <v>176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70</v>
      </c>
      <c r="F188" s="1" t="s">
        <v>171</v>
      </c>
      <c r="G188" s="10" t="s">
        <v>7</v>
      </c>
      <c r="H188" s="1" t="s">
        <v>170</v>
      </c>
      <c r="I188" s="1" t="s">
        <v>174</v>
      </c>
      <c r="J188" s="10" t="s">
        <v>7</v>
      </c>
      <c r="K188" s="10" t="s">
        <v>7</v>
      </c>
    </row>
    <row r="189" spans="1:11" x14ac:dyDescent="0.25">
      <c r="A189" s="3" t="s">
        <v>347</v>
      </c>
      <c r="B189" s="5" t="s">
        <v>348</v>
      </c>
      <c r="C189" s="11">
        <v>1773627600</v>
      </c>
      <c r="D189" s="11">
        <v>1962925229.8</v>
      </c>
      <c r="E189" s="11">
        <v>304034288.63</v>
      </c>
      <c r="F189" s="11">
        <v>1390225110.8800001</v>
      </c>
      <c r="G189" s="11">
        <v>572700118.91999996</v>
      </c>
      <c r="H189" s="11">
        <v>330353782.64999998</v>
      </c>
      <c r="I189" s="11">
        <v>1328628518.04</v>
      </c>
      <c r="J189" s="11">
        <v>634296711.75999999</v>
      </c>
      <c r="K189" s="11">
        <v>1237358010.1300001</v>
      </c>
    </row>
    <row r="190" spans="1:11" x14ac:dyDescent="0.25">
      <c r="A190" s="3" t="s">
        <v>349</v>
      </c>
      <c r="B190" s="5" t="s">
        <v>350</v>
      </c>
      <c r="C190" s="11">
        <v>1773627600</v>
      </c>
      <c r="D190" s="11">
        <v>1962925229.8</v>
      </c>
      <c r="E190" s="11">
        <v>304034288.63</v>
      </c>
      <c r="F190" s="11">
        <v>1390225110.8800001</v>
      </c>
      <c r="G190" s="11">
        <v>572700118.91999996</v>
      </c>
      <c r="H190" s="11">
        <v>330353782.64999998</v>
      </c>
      <c r="I190" s="11">
        <v>1328628518.04</v>
      </c>
      <c r="J190" s="11">
        <v>634296711.75999999</v>
      </c>
      <c r="K190" s="11">
        <v>1237358010.1300001</v>
      </c>
    </row>
    <row r="191" spans="1:11" x14ac:dyDescent="0.25">
      <c r="A191" s="2" t="s">
        <v>351</v>
      </c>
      <c r="B191" s="4" t="s">
        <v>352</v>
      </c>
      <c r="C191" s="12">
        <v>1665558200</v>
      </c>
      <c r="D191" s="12">
        <v>1872051636.8</v>
      </c>
      <c r="E191" s="12">
        <v>298790154.06</v>
      </c>
      <c r="F191" s="12">
        <v>1315254176.96</v>
      </c>
      <c r="G191" s="12">
        <v>556797459.84000003</v>
      </c>
      <c r="H191" s="12">
        <v>316736827.04000002</v>
      </c>
      <c r="I191" s="12">
        <v>1273510825.71</v>
      </c>
      <c r="J191" s="12">
        <v>598540811.09000003</v>
      </c>
      <c r="K191" s="12">
        <v>1192269537.25</v>
      </c>
    </row>
    <row r="192" spans="1:11" x14ac:dyDescent="0.25">
      <c r="A192" s="2" t="s">
        <v>353</v>
      </c>
      <c r="B192" s="4" t="s">
        <v>354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5</v>
      </c>
      <c r="B193" s="4" t="s">
        <v>356</v>
      </c>
      <c r="C193" s="12">
        <v>108069400</v>
      </c>
      <c r="D193" s="12">
        <v>90873593</v>
      </c>
      <c r="E193" s="12">
        <v>5244134.57</v>
      </c>
      <c r="F193" s="12">
        <v>74970933.920000002</v>
      </c>
      <c r="G193" s="12">
        <v>15902659.08</v>
      </c>
      <c r="H193" s="12">
        <v>13616955.609999999</v>
      </c>
      <c r="I193" s="12">
        <v>55117692.329999998</v>
      </c>
      <c r="J193" s="12">
        <v>35755900.670000002</v>
      </c>
      <c r="K193" s="12">
        <v>45088472.880000003</v>
      </c>
    </row>
    <row r="194" spans="1:11" x14ac:dyDescent="0.25">
      <c r="A194" s="3" t="s">
        <v>357</v>
      </c>
      <c r="B194" s="5" t="s">
        <v>358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9</v>
      </c>
      <c r="B195" s="4" t="s">
        <v>360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1</v>
      </c>
      <c r="B196" s="4" t="s">
        <v>362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3</v>
      </c>
      <c r="B197" s="4" t="s">
        <v>364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5</v>
      </c>
      <c r="B198" s="4" t="s">
        <v>366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0"/>
  <sheetViews>
    <sheetView showGridLines="0" topLeftCell="A24" workbookViewId="0">
      <selection activeCell="C37" sqref="C37:E40"/>
    </sheetView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20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21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22</v>
      </c>
      <c r="C10" s="10" t="s">
        <v>969</v>
      </c>
      <c r="D10" s="10" t="s">
        <v>169</v>
      </c>
      <c r="E10" s="10" t="s">
        <v>7</v>
      </c>
      <c r="F10" s="10" t="s">
        <v>173</v>
      </c>
      <c r="G10" s="10" t="s">
        <v>7</v>
      </c>
      <c r="H10" s="10" t="s">
        <v>1017</v>
      </c>
      <c r="I10" s="10" t="s">
        <v>1017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372</v>
      </c>
      <c r="E11" s="1" t="s">
        <v>989</v>
      </c>
      <c r="F11" s="1" t="s">
        <v>14</v>
      </c>
      <c r="G11" s="1" t="s">
        <v>1123</v>
      </c>
      <c r="H11" s="1" t="s">
        <v>375</v>
      </c>
      <c r="I11" s="1" t="s">
        <v>1124</v>
      </c>
    </row>
    <row r="12" spans="1:9" x14ac:dyDescent="0.25">
      <c r="A12" s="3" t="s">
        <v>17</v>
      </c>
      <c r="B12" s="5" t="s">
        <v>1125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26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  <c r="I13" s="12">
        <v>0</v>
      </c>
    </row>
    <row r="14" spans="1:9" x14ac:dyDescent="0.25">
      <c r="A14" s="2" t="s">
        <v>21</v>
      </c>
      <c r="B14" s="4" t="s">
        <v>1127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</row>
    <row r="15" spans="1:9" x14ac:dyDescent="0.25">
      <c r="A15" s="3" t="s">
        <v>23</v>
      </c>
      <c r="B15" s="5" t="s">
        <v>1128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26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</row>
    <row r="17" spans="1:9" x14ac:dyDescent="0.25">
      <c r="A17" s="2" t="s">
        <v>27</v>
      </c>
      <c r="B17" s="4" t="s">
        <v>1129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30</v>
      </c>
      <c r="B18" s="5" t="s">
        <v>1130</v>
      </c>
      <c r="C18" s="11">
        <v>1245583.6499999999</v>
      </c>
      <c r="D18" s="11">
        <v>1245583.6499999999</v>
      </c>
      <c r="E18" s="11">
        <v>100</v>
      </c>
      <c r="F18" s="11">
        <v>1245583.6499999999</v>
      </c>
      <c r="G18" s="11">
        <v>100</v>
      </c>
      <c r="H18" s="11">
        <v>1245583.6499999999</v>
      </c>
      <c r="I18" s="11">
        <v>100</v>
      </c>
    </row>
    <row r="19" spans="1:9" x14ac:dyDescent="0.25">
      <c r="A19" s="2" t="s">
        <v>32</v>
      </c>
      <c r="B19" s="4" t="s">
        <v>1126</v>
      </c>
      <c r="C19" s="12">
        <v>1245583.6499999999</v>
      </c>
      <c r="D19" s="12">
        <v>1245583.6499999999</v>
      </c>
      <c r="E19" s="12">
        <v>100</v>
      </c>
      <c r="F19" s="12">
        <v>1245583.6499999999</v>
      </c>
      <c r="G19" s="12">
        <v>100</v>
      </c>
      <c r="H19" s="12">
        <v>1245583.6499999999</v>
      </c>
      <c r="I19" s="12">
        <v>100</v>
      </c>
    </row>
    <row r="20" spans="1:9" x14ac:dyDescent="0.25">
      <c r="A20" s="2" t="s">
        <v>34</v>
      </c>
      <c r="B20" s="4" t="s">
        <v>1129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3" t="s">
        <v>36</v>
      </c>
      <c r="B21" s="5" t="s">
        <v>1131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8</v>
      </c>
      <c r="B22" s="4" t="s">
        <v>1126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2" t="s">
        <v>40</v>
      </c>
      <c r="B23" s="4" t="s">
        <v>1127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3" t="s">
        <v>42</v>
      </c>
      <c r="B24" s="5" t="s">
        <v>1132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4</v>
      </c>
      <c r="B25" s="4" t="s">
        <v>1126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  <c r="H25" s="12">
        <v>0</v>
      </c>
      <c r="I25" s="12">
        <v>0</v>
      </c>
    </row>
    <row r="26" spans="1:9" x14ac:dyDescent="0.25">
      <c r="A26" s="2" t="s">
        <v>46</v>
      </c>
      <c r="B26" s="4" t="s">
        <v>1127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3" t="s">
        <v>48</v>
      </c>
      <c r="B27" s="5" t="s">
        <v>1133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50</v>
      </c>
      <c r="B28" s="4" t="s">
        <v>113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2</v>
      </c>
      <c r="B29" s="4" t="s">
        <v>1127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</row>
    <row r="30" spans="1:9" x14ac:dyDescent="0.25">
      <c r="A30" s="3" t="s">
        <v>54</v>
      </c>
      <c r="B30" s="5" t="s">
        <v>1135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6</v>
      </c>
      <c r="B31" s="4" t="s">
        <v>112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8</v>
      </c>
      <c r="B32" s="4" t="s">
        <v>1127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60</v>
      </c>
      <c r="B33" s="5" t="s">
        <v>1136</v>
      </c>
      <c r="C33" s="11">
        <v>1245583.6499999999</v>
      </c>
      <c r="D33" s="11">
        <v>1245583.6499999999</v>
      </c>
      <c r="E33" s="11">
        <v>100</v>
      </c>
      <c r="F33" s="11">
        <v>1245583.6499999999</v>
      </c>
      <c r="G33" s="11">
        <v>100</v>
      </c>
      <c r="H33" s="11">
        <v>1245583.6499999999</v>
      </c>
      <c r="I33" s="11">
        <v>100</v>
      </c>
    </row>
    <row r="35" spans="1:9" x14ac:dyDescent="0.25">
      <c r="A35" s="10" t="s">
        <v>6</v>
      </c>
      <c r="B35" s="10" t="s">
        <v>1137</v>
      </c>
      <c r="C35" s="10" t="s">
        <v>1031</v>
      </c>
      <c r="D35" s="10" t="s">
        <v>1032</v>
      </c>
      <c r="E35" s="10" t="s">
        <v>1033</v>
      </c>
    </row>
    <row r="36" spans="1:9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0" t="s">
        <v>7</v>
      </c>
    </row>
    <row r="37" spans="1:9" x14ac:dyDescent="0.25">
      <c r="A37" s="2" t="s">
        <v>62</v>
      </c>
      <c r="B37" s="4" t="s">
        <v>1138</v>
      </c>
      <c r="C37" s="12">
        <v>0</v>
      </c>
      <c r="D37" s="12">
        <v>0</v>
      </c>
      <c r="E37" s="12">
        <v>0</v>
      </c>
    </row>
    <row r="38" spans="1:9" x14ac:dyDescent="0.25">
      <c r="A38" s="2" t="s">
        <v>64</v>
      </c>
      <c r="B38" s="4" t="s">
        <v>1139</v>
      </c>
      <c r="C38" s="12">
        <v>0</v>
      </c>
      <c r="D38" s="12">
        <v>0</v>
      </c>
      <c r="E38" s="12">
        <v>0</v>
      </c>
    </row>
    <row r="39" spans="1:9" x14ac:dyDescent="0.25">
      <c r="A39" s="2" t="s">
        <v>66</v>
      </c>
      <c r="B39" s="4" t="s">
        <v>1140</v>
      </c>
      <c r="C39" s="12">
        <v>0</v>
      </c>
      <c r="D39" s="12">
        <v>0</v>
      </c>
      <c r="E39" s="12">
        <v>0</v>
      </c>
    </row>
    <row r="40" spans="1:9" x14ac:dyDescent="0.25">
      <c r="A40" s="2" t="s">
        <v>68</v>
      </c>
      <c r="B40" s="4" t="s">
        <v>1141</v>
      </c>
      <c r="C40" s="12">
        <v>0</v>
      </c>
      <c r="D40" s="12">
        <v>0</v>
      </c>
      <c r="E40" s="12">
        <v>0</v>
      </c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>
      <selection activeCell="C26" sqref="C26:M35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4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4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144</v>
      </c>
      <c r="C10" s="10" t="s">
        <v>1145</v>
      </c>
      <c r="D10" s="10" t="s">
        <v>1146</v>
      </c>
      <c r="E10" s="10" t="s">
        <v>1146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70</v>
      </c>
      <c r="E11" s="1" t="s">
        <v>1147</v>
      </c>
    </row>
    <row r="12" spans="1:13" x14ac:dyDescent="0.25">
      <c r="A12" s="3" t="s">
        <v>17</v>
      </c>
      <c r="B12" s="5" t="s">
        <v>1148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149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150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151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152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153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30</v>
      </c>
      <c r="B18" s="5" t="s">
        <v>1154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2</v>
      </c>
      <c r="B19" s="4" t="s">
        <v>1155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4</v>
      </c>
      <c r="B20" s="4" t="s">
        <v>1156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6</v>
      </c>
      <c r="B21" s="4" t="s">
        <v>1157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8</v>
      </c>
      <c r="B22" s="4" t="s">
        <v>1158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159</v>
      </c>
      <c r="C24" s="10" t="s">
        <v>1160</v>
      </c>
      <c r="D24" s="10" t="s">
        <v>1161</v>
      </c>
      <c r="E24" s="10" t="s">
        <v>1162</v>
      </c>
      <c r="F24" s="10" t="s">
        <v>1163</v>
      </c>
      <c r="G24" s="10" t="s">
        <v>1164</v>
      </c>
      <c r="H24" s="10" t="s">
        <v>1165</v>
      </c>
      <c r="I24" s="10" t="s">
        <v>1166</v>
      </c>
      <c r="J24" s="10" t="s">
        <v>1167</v>
      </c>
      <c r="K24" s="10" t="s">
        <v>1168</v>
      </c>
      <c r="L24" s="10" t="s">
        <v>1169</v>
      </c>
      <c r="M24" s="10" t="s">
        <v>1170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40</v>
      </c>
      <c r="B26" s="5" t="s">
        <v>1171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2</v>
      </c>
      <c r="B27" s="4" t="s">
        <v>1172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4</v>
      </c>
      <c r="B28" s="4" t="s">
        <v>1173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6</v>
      </c>
      <c r="B29" s="5" t="s">
        <v>1174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8</v>
      </c>
      <c r="B30" s="4" t="s">
        <v>1175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50</v>
      </c>
      <c r="B31" s="4" t="s">
        <v>117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2</v>
      </c>
      <c r="B32" s="5" t="s">
        <v>1177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4</v>
      </c>
      <c r="B33" s="4" t="s">
        <v>1178</v>
      </c>
      <c r="C33" s="12">
        <v>14070824317.809999</v>
      </c>
      <c r="D33" s="12">
        <v>15294081550.82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6</v>
      </c>
      <c r="B34" s="4" t="s">
        <v>1179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8</v>
      </c>
      <c r="B35" s="4" t="s">
        <v>1180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abSelected="1" topLeftCell="A91" workbookViewId="0">
      <selection activeCell="E107" sqref="E107"/>
    </sheetView>
  </sheetViews>
  <sheetFormatPr defaultRowHeight="15" x14ac:dyDescent="0.25"/>
  <cols>
    <col min="1" max="1" width="2.7109375" bestFit="1" customWidth="1"/>
    <col min="2" max="2" width="63.710937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81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82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147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183</v>
      </c>
      <c r="C13" s="12">
        <v>16823704500</v>
      </c>
    </row>
    <row r="14" spans="1:6" x14ac:dyDescent="0.25">
      <c r="A14" s="2" t="s">
        <v>21</v>
      </c>
      <c r="B14" s="4" t="s">
        <v>1184</v>
      </c>
      <c r="C14" s="12">
        <v>17119216188</v>
      </c>
    </row>
    <row r="15" spans="1:6" x14ac:dyDescent="0.25">
      <c r="A15" s="2" t="s">
        <v>23</v>
      </c>
      <c r="B15" s="4" t="s">
        <v>1185</v>
      </c>
      <c r="C15" s="12">
        <v>12530064059.719999</v>
      </c>
    </row>
    <row r="16" spans="1:6" x14ac:dyDescent="0.25">
      <c r="A16" s="2" t="s">
        <v>25</v>
      </c>
      <c r="B16" s="4" t="s">
        <v>1186</v>
      </c>
      <c r="C16" s="12">
        <v>0</v>
      </c>
    </row>
    <row r="17" spans="1:3" x14ac:dyDescent="0.25">
      <c r="A17" s="2" t="s">
        <v>27</v>
      </c>
      <c r="B17" s="4" t="s">
        <v>1187</v>
      </c>
      <c r="C17" s="12">
        <v>1577620668.4300001</v>
      </c>
    </row>
    <row r="18" spans="1:3" x14ac:dyDescent="0.25">
      <c r="A18" s="2" t="s">
        <v>30</v>
      </c>
      <c r="B18" s="4" t="s">
        <v>166</v>
      </c>
      <c r="C18" s="12">
        <v>0</v>
      </c>
    </row>
    <row r="19" spans="1:3" x14ac:dyDescent="0.25">
      <c r="A19" s="2" t="s">
        <v>32</v>
      </c>
      <c r="B19" s="4" t="s">
        <v>1188</v>
      </c>
      <c r="C19" s="12">
        <v>16823704500</v>
      </c>
    </row>
    <row r="20" spans="1:3" x14ac:dyDescent="0.25">
      <c r="A20" s="2" t="s">
        <v>34</v>
      </c>
      <c r="B20" s="4" t="s">
        <v>1189</v>
      </c>
      <c r="C20" s="12">
        <v>18696836856.43</v>
      </c>
    </row>
    <row r="21" spans="1:3" x14ac:dyDescent="0.25">
      <c r="A21" s="2" t="s">
        <v>36</v>
      </c>
      <c r="B21" s="4" t="s">
        <v>1190</v>
      </c>
      <c r="C21" s="12">
        <v>12464097304.799999</v>
      </c>
    </row>
    <row r="22" spans="1:3" x14ac:dyDescent="0.25">
      <c r="A22" s="2" t="s">
        <v>38</v>
      </c>
      <c r="B22" s="4" t="s">
        <v>1191</v>
      </c>
      <c r="C22" s="12">
        <v>10650370885.49</v>
      </c>
    </row>
    <row r="23" spans="1:3" x14ac:dyDescent="0.25">
      <c r="A23" s="2" t="s">
        <v>40</v>
      </c>
      <c r="B23" s="4" t="s">
        <v>1192</v>
      </c>
      <c r="C23" s="12">
        <v>10427331956.84</v>
      </c>
    </row>
    <row r="24" spans="1:3" x14ac:dyDescent="0.25">
      <c r="A24" s="2" t="s">
        <v>42</v>
      </c>
      <c r="B24" s="4" t="s">
        <v>1193</v>
      </c>
      <c r="C24" s="12">
        <v>1879693174.23</v>
      </c>
    </row>
    <row r="26" spans="1:3" x14ac:dyDescent="0.25">
      <c r="A26" s="10" t="s">
        <v>6</v>
      </c>
      <c r="B26" s="10" t="s">
        <v>1194</v>
      </c>
      <c r="C26" s="10" t="s">
        <v>1147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4</v>
      </c>
      <c r="B28" s="4" t="s">
        <v>169</v>
      </c>
      <c r="C28" s="12">
        <v>12464097304.799999</v>
      </c>
    </row>
    <row r="29" spans="1:3" x14ac:dyDescent="0.25">
      <c r="A29" s="2" t="s">
        <v>46</v>
      </c>
      <c r="B29" s="4" t="s">
        <v>173</v>
      </c>
      <c r="C29" s="12">
        <v>10650370885.49</v>
      </c>
    </row>
    <row r="31" spans="1:3" x14ac:dyDescent="0.25">
      <c r="A31" s="10" t="s">
        <v>6</v>
      </c>
      <c r="B31" s="10" t="s">
        <v>1195</v>
      </c>
      <c r="C31" s="10" t="s">
        <v>1147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8</v>
      </c>
      <c r="B33" s="4" t="s">
        <v>1196</v>
      </c>
      <c r="C33" s="12">
        <v>15294081550.82</v>
      </c>
    </row>
    <row r="34" spans="1:3" x14ac:dyDescent="0.25">
      <c r="A34" s="2" t="s">
        <v>50</v>
      </c>
      <c r="B34" s="4" t="s">
        <v>1197</v>
      </c>
      <c r="C34" s="12">
        <v>15293491096.82</v>
      </c>
    </row>
    <row r="35" spans="1:3" x14ac:dyDescent="0.25">
      <c r="A35" s="2" t="s">
        <v>52</v>
      </c>
      <c r="B35" s="4" t="s">
        <v>1198</v>
      </c>
      <c r="C35" s="12">
        <v>15281491096.82</v>
      </c>
    </row>
    <row r="37" spans="1:3" x14ac:dyDescent="0.25">
      <c r="A37" s="10" t="s">
        <v>6</v>
      </c>
      <c r="B37" s="10" t="s">
        <v>1199</v>
      </c>
      <c r="C37" s="10" t="s">
        <v>1147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4</v>
      </c>
      <c r="B39" s="4" t="s">
        <v>1200</v>
      </c>
      <c r="C39" s="12">
        <v>0</v>
      </c>
    </row>
    <row r="40" spans="1:3" x14ac:dyDescent="0.25">
      <c r="A40" s="2" t="s">
        <v>56</v>
      </c>
      <c r="B40" s="4" t="s">
        <v>1201</v>
      </c>
      <c r="C40" s="12">
        <v>1806509804.24</v>
      </c>
    </row>
    <row r="41" spans="1:3" x14ac:dyDescent="0.25">
      <c r="A41" s="2" t="s">
        <v>58</v>
      </c>
      <c r="B41" s="4" t="s">
        <v>1202</v>
      </c>
      <c r="C41" s="12">
        <v>1964748395.45</v>
      </c>
    </row>
    <row r="42" spans="1:3" x14ac:dyDescent="0.25">
      <c r="A42" s="2" t="s">
        <v>60</v>
      </c>
      <c r="B42" s="4" t="s">
        <v>1203</v>
      </c>
      <c r="C42" s="12">
        <v>1921668838.76</v>
      </c>
    </row>
    <row r="43" spans="1:3" x14ac:dyDescent="0.25">
      <c r="A43" s="2" t="s">
        <v>62</v>
      </c>
      <c r="B43" s="4" t="s">
        <v>1204</v>
      </c>
      <c r="C43" s="12">
        <v>-115159034.52</v>
      </c>
    </row>
    <row r="44" spans="1:3" x14ac:dyDescent="0.25">
      <c r="A44" s="2" t="s">
        <v>64</v>
      </c>
      <c r="B44" s="4" t="s">
        <v>1205</v>
      </c>
      <c r="C44" s="12">
        <v>0</v>
      </c>
    </row>
    <row r="45" spans="1:3" x14ac:dyDescent="0.25">
      <c r="A45" s="2" t="s">
        <v>66</v>
      </c>
      <c r="B45" s="4" t="s">
        <v>1201</v>
      </c>
      <c r="C45" s="12">
        <v>0</v>
      </c>
    </row>
    <row r="46" spans="1:3" x14ac:dyDescent="0.25">
      <c r="A46" s="2" t="s">
        <v>68</v>
      </c>
      <c r="B46" s="4" t="s">
        <v>1202</v>
      </c>
      <c r="C46" s="12">
        <v>0</v>
      </c>
    </row>
    <row r="47" spans="1:3" x14ac:dyDescent="0.25">
      <c r="A47" s="2" t="s">
        <v>70</v>
      </c>
      <c r="B47" s="4" t="s">
        <v>1203</v>
      </c>
      <c r="C47" s="12">
        <v>0</v>
      </c>
    </row>
    <row r="48" spans="1:3" x14ac:dyDescent="0.25">
      <c r="A48" s="2" t="s">
        <v>72</v>
      </c>
      <c r="B48" s="4" t="s">
        <v>1204</v>
      </c>
      <c r="C48" s="12">
        <v>0</v>
      </c>
    </row>
    <row r="50" spans="1:6" x14ac:dyDescent="0.25">
      <c r="A50" s="10" t="s">
        <v>6</v>
      </c>
      <c r="B50" s="10" t="s">
        <v>1206</v>
      </c>
      <c r="C50" s="10" t="s">
        <v>1207</v>
      </c>
      <c r="D50" s="10" t="s">
        <v>1208</v>
      </c>
      <c r="E50" s="10" t="s">
        <v>1209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4</v>
      </c>
      <c r="B52" s="4" t="s">
        <v>1210</v>
      </c>
      <c r="C52" s="12">
        <v>958127800</v>
      </c>
      <c r="D52" s="12">
        <v>1853663871.74</v>
      </c>
      <c r="E52" s="12">
        <v>193.47</v>
      </c>
    </row>
    <row r="53" spans="1:6" x14ac:dyDescent="0.25">
      <c r="A53" s="2" t="s">
        <v>76</v>
      </c>
      <c r="B53" s="4" t="s">
        <v>1211</v>
      </c>
      <c r="C53" s="12">
        <v>427339100</v>
      </c>
      <c r="D53" s="12">
        <v>1746137224.25</v>
      </c>
      <c r="E53" s="12">
        <v>408.61</v>
      </c>
    </row>
    <row r="55" spans="1:6" x14ac:dyDescent="0.25">
      <c r="A55" s="10" t="s">
        <v>6</v>
      </c>
      <c r="B55" s="10" t="s">
        <v>1212</v>
      </c>
      <c r="C55" s="10" t="s">
        <v>1213</v>
      </c>
      <c r="D55" s="10" t="s">
        <v>1214</v>
      </c>
      <c r="E55" s="10" t="s">
        <v>1215</v>
      </c>
      <c r="F55" s="10" t="s">
        <v>1216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8</v>
      </c>
      <c r="B57" s="5" t="s">
        <v>1217</v>
      </c>
      <c r="C57" s="11">
        <v>398441925.79000002</v>
      </c>
      <c r="D57" s="11">
        <v>1708594.04</v>
      </c>
      <c r="E57" s="11">
        <v>319142416.63</v>
      </c>
      <c r="F57" s="11">
        <v>77590915.120000005</v>
      </c>
    </row>
    <row r="58" spans="1:6" x14ac:dyDescent="0.25">
      <c r="A58" s="2" t="s">
        <v>80</v>
      </c>
      <c r="B58" s="4" t="s">
        <v>1218</v>
      </c>
      <c r="C58" s="12">
        <v>302273866.56999999</v>
      </c>
      <c r="D58" s="12">
        <v>1588750.68</v>
      </c>
      <c r="E58" s="12">
        <v>224996415.50999999</v>
      </c>
      <c r="F58" s="12">
        <v>75688700.379999995</v>
      </c>
    </row>
    <row r="59" spans="1:6" x14ac:dyDescent="0.25">
      <c r="A59" s="2" t="s">
        <v>82</v>
      </c>
      <c r="B59" s="4" t="s">
        <v>1219</v>
      </c>
      <c r="C59" s="12">
        <v>14746964.82</v>
      </c>
      <c r="D59" s="12">
        <v>7722.51</v>
      </c>
      <c r="E59" s="12">
        <v>14739242.310000001</v>
      </c>
      <c r="F59" s="12">
        <v>0</v>
      </c>
    </row>
    <row r="60" spans="1:6" x14ac:dyDescent="0.25">
      <c r="A60" s="2" t="s">
        <v>84</v>
      </c>
      <c r="B60" s="4" t="s">
        <v>1220</v>
      </c>
      <c r="C60" s="12">
        <v>60108270.340000004</v>
      </c>
      <c r="D60" s="12">
        <v>112120.85</v>
      </c>
      <c r="E60" s="12">
        <v>59996094.509999998</v>
      </c>
      <c r="F60" s="12">
        <v>54.98</v>
      </c>
    </row>
    <row r="61" spans="1:6" x14ac:dyDescent="0.25">
      <c r="A61" s="2" t="s">
        <v>86</v>
      </c>
      <c r="B61" s="4" t="s">
        <v>1221</v>
      </c>
      <c r="C61" s="12">
        <v>18638673.329999998</v>
      </c>
      <c r="D61" s="12">
        <v>0</v>
      </c>
      <c r="E61" s="12">
        <v>16736513.57</v>
      </c>
      <c r="F61" s="12">
        <v>1902159.76</v>
      </c>
    </row>
    <row r="62" spans="1:6" x14ac:dyDescent="0.25">
      <c r="A62" s="2" t="s">
        <v>88</v>
      </c>
      <c r="B62" s="4" t="s">
        <v>1222</v>
      </c>
      <c r="C62" s="12">
        <v>2674150.73</v>
      </c>
      <c r="D62" s="12">
        <v>0</v>
      </c>
      <c r="E62" s="12">
        <v>2674150.73</v>
      </c>
      <c r="F62" s="12">
        <v>0</v>
      </c>
    </row>
    <row r="63" spans="1:6" x14ac:dyDescent="0.25">
      <c r="A63" s="3" t="s">
        <v>90</v>
      </c>
      <c r="B63" s="5" t="s">
        <v>1223</v>
      </c>
      <c r="C63" s="11">
        <v>345665396.98000002</v>
      </c>
      <c r="D63" s="11">
        <v>40161156.369999997</v>
      </c>
      <c r="E63" s="11">
        <v>189682474.22</v>
      </c>
      <c r="F63" s="11">
        <v>115821766.39</v>
      </c>
    </row>
    <row r="64" spans="1:6" x14ac:dyDescent="0.25">
      <c r="A64" s="2" t="s">
        <v>92</v>
      </c>
      <c r="B64" s="4" t="s">
        <v>1218</v>
      </c>
      <c r="C64" s="12">
        <v>283773431.10000002</v>
      </c>
      <c r="D64" s="12">
        <v>27341674.609999999</v>
      </c>
      <c r="E64" s="12">
        <v>155128032.03</v>
      </c>
      <c r="F64" s="12">
        <v>101303724.45999999</v>
      </c>
    </row>
    <row r="65" spans="1:6" x14ac:dyDescent="0.25">
      <c r="A65" s="2" t="s">
        <v>94</v>
      </c>
      <c r="B65" s="4" t="s">
        <v>1219</v>
      </c>
      <c r="C65" s="12">
        <v>15185210.460000001</v>
      </c>
      <c r="D65" s="12">
        <v>1306890.52</v>
      </c>
      <c r="E65" s="12">
        <v>9839890.4100000001</v>
      </c>
      <c r="F65" s="12">
        <v>4038429.53</v>
      </c>
    </row>
    <row r="66" spans="1:6" x14ac:dyDescent="0.25">
      <c r="A66" s="2" t="s">
        <v>96</v>
      </c>
      <c r="B66" s="4" t="s">
        <v>1220</v>
      </c>
      <c r="C66" s="12">
        <v>21872459.469999999</v>
      </c>
      <c r="D66" s="12">
        <v>9946789.1099999994</v>
      </c>
      <c r="E66" s="12">
        <v>11916902.939999999</v>
      </c>
      <c r="F66" s="12">
        <v>8767.42</v>
      </c>
    </row>
    <row r="67" spans="1:6" x14ac:dyDescent="0.25">
      <c r="A67" s="2" t="s">
        <v>98</v>
      </c>
      <c r="B67" s="4" t="s">
        <v>1221</v>
      </c>
      <c r="C67" s="12">
        <v>21431846.760000002</v>
      </c>
      <c r="D67" s="12">
        <v>793739.02</v>
      </c>
      <c r="E67" s="12">
        <v>10197553.25</v>
      </c>
      <c r="F67" s="12">
        <v>10440554.49</v>
      </c>
    </row>
    <row r="68" spans="1:6" x14ac:dyDescent="0.25">
      <c r="A68" s="2" t="s">
        <v>100</v>
      </c>
      <c r="B68" s="4" t="s">
        <v>1222</v>
      </c>
      <c r="C68" s="12">
        <v>3402449.19</v>
      </c>
      <c r="D68" s="12">
        <v>772063.11</v>
      </c>
      <c r="E68" s="12">
        <v>2600095.59</v>
      </c>
      <c r="F68" s="12">
        <v>30290.49</v>
      </c>
    </row>
    <row r="69" spans="1:6" x14ac:dyDescent="0.25">
      <c r="A69" s="3" t="s">
        <v>102</v>
      </c>
      <c r="B69" s="5" t="s">
        <v>1224</v>
      </c>
      <c r="C69" s="11">
        <v>744107322.76999998</v>
      </c>
      <c r="D69" s="11">
        <v>41869750.409999996</v>
      </c>
      <c r="E69" s="11">
        <v>508824890.85000002</v>
      </c>
      <c r="F69" s="11">
        <v>193412681.50999999</v>
      </c>
    </row>
    <row r="71" spans="1:6" x14ac:dyDescent="0.25">
      <c r="A71" s="10" t="s">
        <v>6</v>
      </c>
      <c r="B71" s="10" t="s">
        <v>1225</v>
      </c>
      <c r="C71" s="10" t="s">
        <v>1226</v>
      </c>
      <c r="D71" s="10" t="s">
        <v>1227</v>
      </c>
      <c r="E71" s="10" t="s">
        <v>1227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1228</v>
      </c>
      <c r="E72" s="1" t="s">
        <v>1229</v>
      </c>
    </row>
    <row r="73" spans="1:6" x14ac:dyDescent="0.25">
      <c r="A73" s="2" t="s">
        <v>104</v>
      </c>
      <c r="B73" s="4" t="s">
        <v>1230</v>
      </c>
      <c r="C73" s="12">
        <v>2283464983.48</v>
      </c>
      <c r="D73" s="12">
        <v>25</v>
      </c>
      <c r="E73" s="12">
        <v>26.52</v>
      </c>
    </row>
    <row r="74" spans="1:6" x14ac:dyDescent="0.25">
      <c r="A74" s="2" t="s">
        <v>106</v>
      </c>
      <c r="B74" s="4" t="s">
        <v>1231</v>
      </c>
      <c r="C74" s="12">
        <v>785097433.52999997</v>
      </c>
      <c r="D74" s="12">
        <v>70</v>
      </c>
      <c r="E74" s="12">
        <v>86.92</v>
      </c>
    </row>
    <row r="75" spans="1:6" x14ac:dyDescent="0.25">
      <c r="A75" s="2" t="s">
        <v>108</v>
      </c>
      <c r="B75" s="4" t="s">
        <v>1232</v>
      </c>
      <c r="C75" s="12">
        <v>0</v>
      </c>
      <c r="D75" s="12">
        <v>50</v>
      </c>
      <c r="E75" s="12">
        <v>0</v>
      </c>
    </row>
    <row r="76" spans="1:6" x14ac:dyDescent="0.25">
      <c r="A76" s="2" t="s">
        <v>110</v>
      </c>
      <c r="B76" s="4" t="s">
        <v>1233</v>
      </c>
      <c r="C76" s="12">
        <v>0</v>
      </c>
      <c r="D76" s="12">
        <v>15</v>
      </c>
      <c r="E76" s="12">
        <v>0</v>
      </c>
    </row>
    <row r="78" spans="1:6" x14ac:dyDescent="0.25">
      <c r="A78" s="10" t="s">
        <v>6</v>
      </c>
      <c r="B78" s="10" t="s">
        <v>1234</v>
      </c>
      <c r="C78" s="10" t="s">
        <v>1235</v>
      </c>
      <c r="D78" s="10" t="s">
        <v>1236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2</v>
      </c>
      <c r="B80" s="4" t="s">
        <v>1237</v>
      </c>
      <c r="C80" s="12">
        <v>0</v>
      </c>
      <c r="D80" s="12">
        <v>0</v>
      </c>
    </row>
    <row r="81" spans="1:6" x14ac:dyDescent="0.25">
      <c r="A81" s="2" t="s">
        <v>114</v>
      </c>
      <c r="B81" s="4" t="s">
        <v>1238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1239</v>
      </c>
      <c r="C83" s="10" t="s">
        <v>1240</v>
      </c>
      <c r="D83" s="10" t="s">
        <v>1241</v>
      </c>
      <c r="E83" s="10" t="s">
        <v>1242</v>
      </c>
      <c r="F83" s="10" t="s">
        <v>1243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6</v>
      </c>
      <c r="B85" s="4" t="s">
        <v>1244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8</v>
      </c>
      <c r="B86" s="4" t="s">
        <v>1245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20</v>
      </c>
      <c r="B87" s="4" t="s">
        <v>1246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21</v>
      </c>
      <c r="B88" s="4" t="s">
        <v>1204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2</v>
      </c>
      <c r="B89" s="4" t="s">
        <v>1247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3</v>
      </c>
      <c r="B90" s="4" t="s">
        <v>1245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4</v>
      </c>
      <c r="B91" s="4" t="s">
        <v>1246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5</v>
      </c>
      <c r="B92" s="4" t="s">
        <v>1204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1248</v>
      </c>
      <c r="C94" s="10" t="s">
        <v>1235</v>
      </c>
      <c r="D94" s="10" t="s">
        <v>1249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6</v>
      </c>
      <c r="B96" s="4" t="s">
        <v>1250</v>
      </c>
      <c r="C96" s="12">
        <v>0</v>
      </c>
      <c r="D96" s="12">
        <v>0</v>
      </c>
    </row>
    <row r="97" spans="1:5" x14ac:dyDescent="0.25">
      <c r="A97" s="2" t="s">
        <v>127</v>
      </c>
      <c r="B97" s="4" t="s">
        <v>1251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1252</v>
      </c>
      <c r="C99" s="10" t="s">
        <v>1226</v>
      </c>
      <c r="D99" s="10" t="s">
        <v>1253</v>
      </c>
      <c r="E99" s="10" t="s">
        <v>1253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1228</v>
      </c>
      <c r="E100" s="1" t="s">
        <v>1229</v>
      </c>
    </row>
    <row r="101" spans="1:5" x14ac:dyDescent="0.25">
      <c r="A101" s="2" t="s">
        <v>128</v>
      </c>
      <c r="B101" s="4" t="s">
        <v>1254</v>
      </c>
      <c r="C101" s="12">
        <v>1032195104.26</v>
      </c>
      <c r="D101" s="12">
        <v>12</v>
      </c>
      <c r="E101" s="12">
        <v>11.99</v>
      </c>
    </row>
    <row r="103" spans="1:5" x14ac:dyDescent="0.25">
      <c r="A103" s="10" t="s">
        <v>6</v>
      </c>
      <c r="B103" s="10" t="s">
        <v>1255</v>
      </c>
      <c r="C103" s="10" t="s">
        <v>1256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30</v>
      </c>
      <c r="B105" s="4" t="s">
        <v>1257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0"/>
  <sheetViews>
    <sheetView showGridLines="0" topLeftCell="A188" workbookViewId="0">
      <selection activeCell="I13" sqref="I13"/>
    </sheetView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7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8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9</v>
      </c>
      <c r="C10" s="10" t="s">
        <v>370</v>
      </c>
      <c r="D10" s="10" t="s">
        <v>371</v>
      </c>
      <c r="E10" s="10" t="s">
        <v>169</v>
      </c>
      <c r="F10" s="10" t="s">
        <v>7</v>
      </c>
      <c r="G10" s="10" t="s">
        <v>7</v>
      </c>
      <c r="H10" s="10" t="s">
        <v>374</v>
      </c>
      <c r="I10" s="10" t="s">
        <v>173</v>
      </c>
      <c r="J10" s="10" t="s">
        <v>7</v>
      </c>
      <c r="K10" s="10" t="s">
        <v>7</v>
      </c>
      <c r="L10" s="10" t="s">
        <v>377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0</v>
      </c>
      <c r="F11" s="1" t="s">
        <v>372</v>
      </c>
      <c r="G11" s="1" t="s">
        <v>373</v>
      </c>
      <c r="H11" s="10" t="s">
        <v>7</v>
      </c>
      <c r="I11" s="1" t="s">
        <v>170</v>
      </c>
      <c r="J11" s="1" t="s">
        <v>375</v>
      </c>
      <c r="K11" s="1" t="s">
        <v>376</v>
      </c>
      <c r="L11" s="10" t="s">
        <v>7</v>
      </c>
    </row>
    <row r="12" spans="1:12" x14ac:dyDescent="0.25">
      <c r="A12" s="3" t="s">
        <v>17</v>
      </c>
      <c r="B12" s="5" t="s">
        <v>378</v>
      </c>
      <c r="C12" s="11">
        <v>15050076900</v>
      </c>
      <c r="D12" s="11">
        <v>16733911626.629999</v>
      </c>
      <c r="E12" s="11">
        <v>2414504339.1999998</v>
      </c>
      <c r="F12" s="11">
        <v>11073872193.92</v>
      </c>
      <c r="G12" s="11">
        <v>88.87</v>
      </c>
      <c r="H12" s="11">
        <v>5660039432.71</v>
      </c>
      <c r="I12" s="11">
        <v>2489230646.3600001</v>
      </c>
      <c r="J12" s="11">
        <v>9321742367.4500008</v>
      </c>
      <c r="K12" s="11">
        <v>87.49</v>
      </c>
      <c r="L12" s="11">
        <v>7412169259.1800003</v>
      </c>
    </row>
    <row r="13" spans="1:12" x14ac:dyDescent="0.25">
      <c r="A13" s="3" t="s">
        <v>19</v>
      </c>
      <c r="B13" s="5" t="s">
        <v>379</v>
      </c>
      <c r="C13" s="11">
        <v>514711000</v>
      </c>
      <c r="D13" s="11">
        <v>514711000</v>
      </c>
      <c r="E13" s="11">
        <v>32738335.510000002</v>
      </c>
      <c r="F13" s="11">
        <v>341757684.01999998</v>
      </c>
      <c r="G13" s="11">
        <v>2.74</v>
      </c>
      <c r="H13" s="11">
        <v>172953315.97999999</v>
      </c>
      <c r="I13" s="11">
        <v>65690952.5</v>
      </c>
      <c r="J13" s="11">
        <v>257961897.91999999</v>
      </c>
      <c r="K13" s="11">
        <v>2.42</v>
      </c>
      <c r="L13" s="11">
        <v>256749102.08000001</v>
      </c>
    </row>
    <row r="14" spans="1:12" x14ac:dyDescent="0.25">
      <c r="A14" s="2" t="s">
        <v>21</v>
      </c>
      <c r="B14" s="4" t="s">
        <v>380</v>
      </c>
      <c r="C14" s="12">
        <v>268052200</v>
      </c>
      <c r="D14" s="12">
        <v>268052200</v>
      </c>
      <c r="E14" s="12">
        <v>28089911.52</v>
      </c>
      <c r="F14" s="12">
        <v>151472468.05000001</v>
      </c>
      <c r="G14" s="12">
        <v>1.22</v>
      </c>
      <c r="H14" s="12">
        <v>116579731.95</v>
      </c>
      <c r="I14" s="12">
        <v>34057084.990000002</v>
      </c>
      <c r="J14" s="12">
        <v>133578467.83</v>
      </c>
      <c r="K14" s="12">
        <v>1.25</v>
      </c>
      <c r="L14" s="12">
        <v>134473732.16999999</v>
      </c>
    </row>
    <row r="15" spans="1:12" x14ac:dyDescent="0.25">
      <c r="A15" s="2" t="s">
        <v>23</v>
      </c>
      <c r="B15" s="4" t="s">
        <v>381</v>
      </c>
      <c r="C15" s="12">
        <v>244958800</v>
      </c>
      <c r="D15" s="12">
        <v>244958800</v>
      </c>
      <c r="E15" s="12">
        <v>4648423.99</v>
      </c>
      <c r="F15" s="12">
        <v>188679326.00999999</v>
      </c>
      <c r="G15" s="12">
        <v>1.51</v>
      </c>
      <c r="H15" s="12">
        <v>56279473.990000002</v>
      </c>
      <c r="I15" s="12">
        <v>31380946.77</v>
      </c>
      <c r="J15" s="12">
        <v>123375614.76000001</v>
      </c>
      <c r="K15" s="12">
        <v>1.1599999999999999</v>
      </c>
      <c r="L15" s="12">
        <v>121583185.23999999</v>
      </c>
    </row>
    <row r="16" spans="1:12" x14ac:dyDescent="0.25">
      <c r="A16" s="2" t="s">
        <v>25</v>
      </c>
      <c r="B16" s="4" t="s">
        <v>382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1</v>
      </c>
      <c r="H16" s="12">
        <v>94110.04</v>
      </c>
      <c r="I16" s="12">
        <v>252920.74</v>
      </c>
      <c r="J16" s="12">
        <v>1007815.33</v>
      </c>
      <c r="K16" s="12">
        <v>0.01</v>
      </c>
      <c r="L16" s="12">
        <v>692184.67</v>
      </c>
    </row>
    <row r="17" spans="1:12" x14ac:dyDescent="0.25">
      <c r="A17" s="3" t="s">
        <v>27</v>
      </c>
      <c r="B17" s="5" t="s">
        <v>383</v>
      </c>
      <c r="C17" s="11">
        <v>988460000</v>
      </c>
      <c r="D17" s="11">
        <v>990751200</v>
      </c>
      <c r="E17" s="11">
        <v>15819547.1</v>
      </c>
      <c r="F17" s="11">
        <v>911128042.76999998</v>
      </c>
      <c r="G17" s="11">
        <v>7.32</v>
      </c>
      <c r="H17" s="11">
        <v>79623157.230000004</v>
      </c>
      <c r="I17" s="11">
        <v>142191656.41999999</v>
      </c>
      <c r="J17" s="11">
        <v>577073902.92999995</v>
      </c>
      <c r="K17" s="11">
        <v>5.41</v>
      </c>
      <c r="L17" s="11">
        <v>413677297.06999999</v>
      </c>
    </row>
    <row r="18" spans="1:12" x14ac:dyDescent="0.25">
      <c r="A18" s="2" t="s">
        <v>30</v>
      </c>
      <c r="B18" s="4" t="s">
        <v>384</v>
      </c>
      <c r="C18" s="12">
        <v>146511600</v>
      </c>
      <c r="D18" s="12">
        <v>145606600</v>
      </c>
      <c r="E18" s="12">
        <v>4503449.97</v>
      </c>
      <c r="F18" s="12">
        <v>105111587.89</v>
      </c>
      <c r="G18" s="12">
        <v>0.84</v>
      </c>
      <c r="H18" s="12">
        <v>40495012.109999999</v>
      </c>
      <c r="I18" s="12">
        <v>12304535.16</v>
      </c>
      <c r="J18" s="12">
        <v>68351514.609999999</v>
      </c>
      <c r="K18" s="12">
        <v>0.64</v>
      </c>
      <c r="L18" s="12">
        <v>77255085.390000001</v>
      </c>
    </row>
    <row r="19" spans="1:12" x14ac:dyDescent="0.25">
      <c r="A19" s="2" t="s">
        <v>32</v>
      </c>
      <c r="B19" s="4" t="s">
        <v>385</v>
      </c>
      <c r="C19" s="12">
        <v>794760000</v>
      </c>
      <c r="D19" s="12">
        <v>797051200</v>
      </c>
      <c r="E19" s="12">
        <v>11486827.57</v>
      </c>
      <c r="F19" s="12">
        <v>775528456.28999996</v>
      </c>
      <c r="G19" s="12">
        <v>6.22</v>
      </c>
      <c r="H19" s="12">
        <v>21522743.710000001</v>
      </c>
      <c r="I19" s="12">
        <v>126724215.69</v>
      </c>
      <c r="J19" s="12">
        <v>493375546.05000001</v>
      </c>
      <c r="K19" s="12">
        <v>4.63</v>
      </c>
      <c r="L19" s="12">
        <v>303675653.94999999</v>
      </c>
    </row>
    <row r="20" spans="1:12" x14ac:dyDescent="0.25">
      <c r="A20" s="2" t="s">
        <v>34</v>
      </c>
      <c r="B20" s="4" t="s">
        <v>386</v>
      </c>
      <c r="C20" s="12">
        <v>40802000</v>
      </c>
      <c r="D20" s="12">
        <v>40802000</v>
      </c>
      <c r="E20" s="12">
        <v>-356706.74</v>
      </c>
      <c r="F20" s="12">
        <v>24552169.59</v>
      </c>
      <c r="G20" s="12">
        <v>0.2</v>
      </c>
      <c r="H20" s="12">
        <v>16249830.41</v>
      </c>
      <c r="I20" s="12">
        <v>2481056.63</v>
      </c>
      <c r="J20" s="12">
        <v>13389692.939999999</v>
      </c>
      <c r="K20" s="12">
        <v>0.13</v>
      </c>
      <c r="L20" s="12">
        <v>27412307.059999999</v>
      </c>
    </row>
    <row r="21" spans="1:12" x14ac:dyDescent="0.25">
      <c r="A21" s="2" t="s">
        <v>36</v>
      </c>
      <c r="B21" s="4" t="s">
        <v>387</v>
      </c>
      <c r="C21" s="12">
        <v>2095300</v>
      </c>
      <c r="D21" s="12">
        <v>2524020</v>
      </c>
      <c r="E21" s="12">
        <v>148617.5</v>
      </c>
      <c r="F21" s="12">
        <v>2084241.86</v>
      </c>
      <c r="G21" s="12">
        <v>0.02</v>
      </c>
      <c r="H21" s="12">
        <v>439778.14</v>
      </c>
      <c r="I21" s="12">
        <v>264928.62</v>
      </c>
      <c r="J21" s="12">
        <v>399614.73</v>
      </c>
      <c r="K21" s="12">
        <v>0</v>
      </c>
      <c r="L21" s="12">
        <v>2124405.27</v>
      </c>
    </row>
    <row r="22" spans="1:12" x14ac:dyDescent="0.25">
      <c r="A22" s="2" t="s">
        <v>38</v>
      </c>
      <c r="B22" s="4" t="s">
        <v>388</v>
      </c>
      <c r="C22" s="12">
        <v>3591100</v>
      </c>
      <c r="D22" s="12">
        <v>4067380</v>
      </c>
      <c r="E22" s="12">
        <v>37358.800000000003</v>
      </c>
      <c r="F22" s="12">
        <v>3169587.14</v>
      </c>
      <c r="G22" s="12">
        <v>0.03</v>
      </c>
      <c r="H22" s="12">
        <v>897792.86</v>
      </c>
      <c r="I22" s="12">
        <v>306342.69</v>
      </c>
      <c r="J22" s="12">
        <v>1116920.6299999999</v>
      </c>
      <c r="K22" s="12">
        <v>0.01</v>
      </c>
      <c r="L22" s="12">
        <v>2950459.37</v>
      </c>
    </row>
    <row r="23" spans="1:12" x14ac:dyDescent="0.25">
      <c r="A23" s="2" t="s">
        <v>40</v>
      </c>
      <c r="B23" s="4" t="s">
        <v>382</v>
      </c>
      <c r="C23" s="12">
        <v>700000</v>
      </c>
      <c r="D23" s="12">
        <v>700000</v>
      </c>
      <c r="E23" s="12">
        <v>0</v>
      </c>
      <c r="F23" s="12">
        <v>682000</v>
      </c>
      <c r="G23" s="12">
        <v>0.01</v>
      </c>
      <c r="H23" s="12">
        <v>18000</v>
      </c>
      <c r="I23" s="12">
        <v>110577.63</v>
      </c>
      <c r="J23" s="12">
        <v>440613.97</v>
      </c>
      <c r="K23" s="12">
        <v>0</v>
      </c>
      <c r="L23" s="12">
        <v>259386.03</v>
      </c>
    </row>
    <row r="24" spans="1:12" x14ac:dyDescent="0.25">
      <c r="A24" s="3" t="s">
        <v>42</v>
      </c>
      <c r="B24" s="5" t="s">
        <v>389</v>
      </c>
      <c r="C24" s="11">
        <v>984351500</v>
      </c>
      <c r="D24" s="11">
        <v>1062618067.04</v>
      </c>
      <c r="E24" s="11">
        <v>167984579.25</v>
      </c>
      <c r="F24" s="11">
        <v>707311379.54999995</v>
      </c>
      <c r="G24" s="11">
        <v>5.67</v>
      </c>
      <c r="H24" s="11">
        <v>355306687.49000001</v>
      </c>
      <c r="I24" s="11">
        <v>166268285.94999999</v>
      </c>
      <c r="J24" s="11">
        <v>653547933.07000005</v>
      </c>
      <c r="K24" s="11">
        <v>6.14</v>
      </c>
      <c r="L24" s="11">
        <v>409070133.97000003</v>
      </c>
    </row>
    <row r="25" spans="1:12" x14ac:dyDescent="0.25">
      <c r="A25" s="2" t="s">
        <v>44</v>
      </c>
      <c r="B25" s="4" t="s">
        <v>390</v>
      </c>
      <c r="C25" s="12">
        <v>454086600</v>
      </c>
      <c r="D25" s="12">
        <v>463551600</v>
      </c>
      <c r="E25" s="12">
        <v>76922440.569999993</v>
      </c>
      <c r="F25" s="12">
        <v>299246942.22000003</v>
      </c>
      <c r="G25" s="12">
        <v>2.4</v>
      </c>
      <c r="H25" s="12">
        <v>164304657.78</v>
      </c>
      <c r="I25" s="12">
        <v>75146664.420000002</v>
      </c>
      <c r="J25" s="12">
        <v>254150319.28999999</v>
      </c>
      <c r="K25" s="12">
        <v>2.39</v>
      </c>
      <c r="L25" s="12">
        <v>209401280.71000001</v>
      </c>
    </row>
    <row r="26" spans="1:12" x14ac:dyDescent="0.25">
      <c r="A26" s="2" t="s">
        <v>46</v>
      </c>
      <c r="B26" s="4" t="s">
        <v>391</v>
      </c>
      <c r="C26" s="12">
        <v>110357500</v>
      </c>
      <c r="D26" s="12">
        <v>154627500</v>
      </c>
      <c r="E26" s="12">
        <v>10871327.949999999</v>
      </c>
      <c r="F26" s="12">
        <v>42721109.539999999</v>
      </c>
      <c r="G26" s="12">
        <v>0.34</v>
      </c>
      <c r="H26" s="12">
        <v>111906390.45999999</v>
      </c>
      <c r="I26" s="12">
        <v>11126480.029999999</v>
      </c>
      <c r="J26" s="12">
        <v>41573581.890000001</v>
      </c>
      <c r="K26" s="12">
        <v>0.39</v>
      </c>
      <c r="L26" s="12">
        <v>113053918.11</v>
      </c>
    </row>
    <row r="27" spans="1:12" x14ac:dyDescent="0.25">
      <c r="A27" s="2" t="s">
        <v>48</v>
      </c>
      <c r="B27" s="4" t="s">
        <v>385</v>
      </c>
      <c r="C27" s="12">
        <v>18435000</v>
      </c>
      <c r="D27" s="12">
        <v>22985000</v>
      </c>
      <c r="E27" s="12">
        <v>2844693.77</v>
      </c>
      <c r="F27" s="12">
        <v>16228421.1</v>
      </c>
      <c r="G27" s="12">
        <v>0.13</v>
      </c>
      <c r="H27" s="12">
        <v>6756578.9000000004</v>
      </c>
      <c r="I27" s="12">
        <v>2630457.8199999998</v>
      </c>
      <c r="J27" s="12">
        <v>9299282.5299999993</v>
      </c>
      <c r="K27" s="12">
        <v>0.09</v>
      </c>
      <c r="L27" s="12">
        <v>13685717.470000001</v>
      </c>
    </row>
    <row r="28" spans="1:12" x14ac:dyDescent="0.25">
      <c r="A28" s="2" t="s">
        <v>50</v>
      </c>
      <c r="B28" s="4" t="s">
        <v>387</v>
      </c>
      <c r="C28" s="12">
        <v>6204400</v>
      </c>
      <c r="D28" s="12">
        <v>4288900</v>
      </c>
      <c r="E28" s="12">
        <v>844998.93</v>
      </c>
      <c r="F28" s="12">
        <v>3671848.86</v>
      </c>
      <c r="G28" s="12">
        <v>0.03</v>
      </c>
      <c r="H28" s="12">
        <v>617051.14</v>
      </c>
      <c r="I28" s="12">
        <v>853094.51</v>
      </c>
      <c r="J28" s="12">
        <v>3469272.46</v>
      </c>
      <c r="K28" s="12">
        <v>0.03</v>
      </c>
      <c r="L28" s="12">
        <v>819627.54</v>
      </c>
    </row>
    <row r="29" spans="1:12" x14ac:dyDescent="0.25">
      <c r="A29" s="2" t="s">
        <v>52</v>
      </c>
      <c r="B29" s="4" t="s">
        <v>392</v>
      </c>
      <c r="C29" s="12">
        <v>174461100</v>
      </c>
      <c r="D29" s="12">
        <v>171708167.03999999</v>
      </c>
      <c r="E29" s="12">
        <v>27834917.329999998</v>
      </c>
      <c r="F29" s="12">
        <v>106925293.36</v>
      </c>
      <c r="G29" s="12">
        <v>0.86</v>
      </c>
      <c r="H29" s="12">
        <v>64782873.68</v>
      </c>
      <c r="I29" s="12">
        <v>27845388.469999999</v>
      </c>
      <c r="J29" s="12">
        <v>106537712.43000001</v>
      </c>
      <c r="K29" s="12">
        <v>1</v>
      </c>
      <c r="L29" s="12">
        <v>65170454.609999999</v>
      </c>
    </row>
    <row r="30" spans="1:12" x14ac:dyDescent="0.25">
      <c r="A30" s="2" t="s">
        <v>54</v>
      </c>
      <c r="B30" s="4" t="s">
        <v>382</v>
      </c>
      <c r="C30" s="12">
        <v>220806900</v>
      </c>
      <c r="D30" s="12">
        <v>245456900</v>
      </c>
      <c r="E30" s="12">
        <v>48666200.700000003</v>
      </c>
      <c r="F30" s="12">
        <v>238517764.47</v>
      </c>
      <c r="G30" s="12">
        <v>1.91</v>
      </c>
      <c r="H30" s="12">
        <v>6939135.5300000003</v>
      </c>
      <c r="I30" s="12">
        <v>48666200.700000003</v>
      </c>
      <c r="J30" s="12">
        <v>238517764.47</v>
      </c>
      <c r="K30" s="12">
        <v>2.2400000000000002</v>
      </c>
      <c r="L30" s="12">
        <v>6939135.5300000003</v>
      </c>
    </row>
    <row r="31" spans="1:12" x14ac:dyDescent="0.25">
      <c r="A31" s="3" t="s">
        <v>56</v>
      </c>
      <c r="B31" s="5" t="s">
        <v>393</v>
      </c>
      <c r="C31" s="11">
        <v>849267800</v>
      </c>
      <c r="D31" s="11">
        <v>1019376752.84</v>
      </c>
      <c r="E31" s="11">
        <v>150187092.27000001</v>
      </c>
      <c r="F31" s="11">
        <v>604631022.72000003</v>
      </c>
      <c r="G31" s="11">
        <v>4.8499999999999996</v>
      </c>
      <c r="H31" s="11">
        <v>414745730.12</v>
      </c>
      <c r="I31" s="11">
        <v>143702443.34999999</v>
      </c>
      <c r="J31" s="11">
        <v>560784150.08000004</v>
      </c>
      <c r="K31" s="11">
        <v>5.27</v>
      </c>
      <c r="L31" s="11">
        <v>458592602.75999999</v>
      </c>
    </row>
    <row r="32" spans="1:12" x14ac:dyDescent="0.25">
      <c r="A32" s="2" t="s">
        <v>58</v>
      </c>
      <c r="B32" s="4" t="s">
        <v>385</v>
      </c>
      <c r="C32" s="12">
        <v>787052900</v>
      </c>
      <c r="D32" s="12">
        <v>915042845.59000003</v>
      </c>
      <c r="E32" s="12">
        <v>145392803.50999999</v>
      </c>
      <c r="F32" s="12">
        <v>585857643.97000003</v>
      </c>
      <c r="G32" s="12">
        <v>4.7</v>
      </c>
      <c r="H32" s="12">
        <v>329185201.62</v>
      </c>
      <c r="I32" s="12">
        <v>139118255.94999999</v>
      </c>
      <c r="J32" s="12">
        <v>544629959.57000005</v>
      </c>
      <c r="K32" s="12">
        <v>5.1100000000000003</v>
      </c>
      <c r="L32" s="12">
        <v>370412886.01999998</v>
      </c>
    </row>
    <row r="33" spans="1:12" x14ac:dyDescent="0.25">
      <c r="A33" s="2" t="s">
        <v>60</v>
      </c>
      <c r="B33" s="4" t="s">
        <v>394</v>
      </c>
      <c r="C33" s="12">
        <v>24527500</v>
      </c>
      <c r="D33" s="12">
        <v>53149700</v>
      </c>
      <c r="E33" s="12">
        <v>2053431.3</v>
      </c>
      <c r="F33" s="12">
        <v>6129015.7699999996</v>
      </c>
      <c r="G33" s="12">
        <v>0.05</v>
      </c>
      <c r="H33" s="12">
        <v>47020684.229999997</v>
      </c>
      <c r="I33" s="12">
        <v>1798197.79</v>
      </c>
      <c r="J33" s="12">
        <v>3775948.87</v>
      </c>
      <c r="K33" s="12">
        <v>0.04</v>
      </c>
      <c r="L33" s="12">
        <v>49373751.130000003</v>
      </c>
    </row>
    <row r="34" spans="1:12" x14ac:dyDescent="0.25">
      <c r="A34" s="2" t="s">
        <v>62</v>
      </c>
      <c r="B34" s="4" t="s">
        <v>395</v>
      </c>
      <c r="C34" s="12">
        <v>13083700</v>
      </c>
      <c r="D34" s="12">
        <v>13146407.25</v>
      </c>
      <c r="E34" s="12">
        <v>1597983.71</v>
      </c>
      <c r="F34" s="12">
        <v>7320725.7999999998</v>
      </c>
      <c r="G34" s="12">
        <v>0.06</v>
      </c>
      <c r="H34" s="12">
        <v>5825681.4500000002</v>
      </c>
      <c r="I34" s="12">
        <v>1587446.72</v>
      </c>
      <c r="J34" s="12">
        <v>7264620.4900000002</v>
      </c>
      <c r="K34" s="12">
        <v>7.0000000000000007E-2</v>
      </c>
      <c r="L34" s="12">
        <v>5881786.7599999998</v>
      </c>
    </row>
    <row r="35" spans="1:12" x14ac:dyDescent="0.25">
      <c r="A35" s="2" t="s">
        <v>64</v>
      </c>
      <c r="B35" s="4" t="s">
        <v>386</v>
      </c>
      <c r="C35" s="12">
        <v>4100</v>
      </c>
      <c r="D35" s="12">
        <v>4100</v>
      </c>
      <c r="E35" s="12">
        <v>0</v>
      </c>
      <c r="F35" s="12">
        <v>0</v>
      </c>
      <c r="G35" s="12">
        <v>0</v>
      </c>
      <c r="H35" s="12">
        <v>4100</v>
      </c>
      <c r="I35" s="12">
        <v>0</v>
      </c>
      <c r="J35" s="12">
        <v>0</v>
      </c>
      <c r="K35" s="12">
        <v>0</v>
      </c>
      <c r="L35" s="12">
        <v>4100</v>
      </c>
    </row>
    <row r="36" spans="1:12" x14ac:dyDescent="0.25">
      <c r="A36" s="2" t="s">
        <v>66</v>
      </c>
      <c r="B36" s="4" t="s">
        <v>387</v>
      </c>
      <c r="C36" s="12">
        <v>11256400</v>
      </c>
      <c r="D36" s="12">
        <v>11256400</v>
      </c>
      <c r="E36" s="12">
        <v>12744</v>
      </c>
      <c r="F36" s="12">
        <v>40176</v>
      </c>
      <c r="G36" s="12">
        <v>0</v>
      </c>
      <c r="H36" s="12">
        <v>11216224</v>
      </c>
      <c r="I36" s="12">
        <v>12744</v>
      </c>
      <c r="J36" s="12">
        <v>40176</v>
      </c>
      <c r="K36" s="12">
        <v>0</v>
      </c>
      <c r="L36" s="12">
        <v>11216224</v>
      </c>
    </row>
    <row r="37" spans="1:12" x14ac:dyDescent="0.25">
      <c r="A37" s="2" t="s">
        <v>68</v>
      </c>
      <c r="B37" s="4" t="s">
        <v>396</v>
      </c>
      <c r="C37" s="12">
        <v>2400</v>
      </c>
      <c r="D37" s="12">
        <v>2400</v>
      </c>
      <c r="E37" s="12">
        <v>0</v>
      </c>
      <c r="F37" s="12">
        <v>0</v>
      </c>
      <c r="G37" s="12">
        <v>0</v>
      </c>
      <c r="H37" s="12">
        <v>2400</v>
      </c>
      <c r="I37" s="12">
        <v>0</v>
      </c>
      <c r="J37" s="12">
        <v>0</v>
      </c>
      <c r="K37" s="12">
        <v>0</v>
      </c>
      <c r="L37" s="12">
        <v>2400</v>
      </c>
    </row>
    <row r="38" spans="1:12" x14ac:dyDescent="0.25">
      <c r="A38" s="2" t="s">
        <v>70</v>
      </c>
      <c r="B38" s="4" t="s">
        <v>397</v>
      </c>
      <c r="C38" s="12">
        <v>13305000</v>
      </c>
      <c r="D38" s="12">
        <v>26739100</v>
      </c>
      <c r="E38" s="12">
        <v>1127129.75</v>
      </c>
      <c r="F38" s="12">
        <v>5259585.18</v>
      </c>
      <c r="G38" s="12">
        <v>0.04</v>
      </c>
      <c r="H38" s="12">
        <v>21479514.82</v>
      </c>
      <c r="I38" s="12">
        <v>1182798.8899999999</v>
      </c>
      <c r="J38" s="12">
        <v>5049569.1500000004</v>
      </c>
      <c r="K38" s="12">
        <v>0.05</v>
      </c>
      <c r="L38" s="12">
        <v>21689530.850000001</v>
      </c>
    </row>
    <row r="39" spans="1:12" x14ac:dyDescent="0.25">
      <c r="A39" s="2" t="s">
        <v>72</v>
      </c>
      <c r="B39" s="4" t="s">
        <v>398</v>
      </c>
      <c r="C39" s="12">
        <v>35800</v>
      </c>
      <c r="D39" s="12">
        <v>35800</v>
      </c>
      <c r="E39" s="12">
        <v>3000</v>
      </c>
      <c r="F39" s="12">
        <v>23876</v>
      </c>
      <c r="G39" s="12">
        <v>0</v>
      </c>
      <c r="H39" s="12">
        <v>11924</v>
      </c>
      <c r="I39" s="12">
        <v>3000</v>
      </c>
      <c r="J39" s="12">
        <v>23876</v>
      </c>
      <c r="K39" s="12">
        <v>0</v>
      </c>
      <c r="L39" s="12">
        <v>11924</v>
      </c>
    </row>
    <row r="40" spans="1:12" x14ac:dyDescent="0.25">
      <c r="A40" s="3" t="s">
        <v>74</v>
      </c>
      <c r="B40" s="5" t="s">
        <v>399</v>
      </c>
      <c r="C40" s="11">
        <v>1688466500</v>
      </c>
      <c r="D40" s="11">
        <v>1703874180</v>
      </c>
      <c r="E40" s="11">
        <v>256053347.28</v>
      </c>
      <c r="F40" s="11">
        <v>967660112.70000005</v>
      </c>
      <c r="G40" s="11">
        <v>7.76</v>
      </c>
      <c r="H40" s="11">
        <v>736214067.29999995</v>
      </c>
      <c r="I40" s="11">
        <v>225276167.22999999</v>
      </c>
      <c r="J40" s="11">
        <v>852469193.88999999</v>
      </c>
      <c r="K40" s="11">
        <v>8</v>
      </c>
      <c r="L40" s="11">
        <v>851404986.11000001</v>
      </c>
    </row>
    <row r="41" spans="1:12" x14ac:dyDescent="0.25">
      <c r="A41" s="2" t="s">
        <v>76</v>
      </c>
      <c r="B41" s="4" t="s">
        <v>385</v>
      </c>
      <c r="C41" s="12">
        <v>1521094300</v>
      </c>
      <c r="D41" s="12">
        <v>1499872092</v>
      </c>
      <c r="E41" s="12">
        <v>220073376.97</v>
      </c>
      <c r="F41" s="12">
        <v>885440358.11000001</v>
      </c>
      <c r="G41" s="12">
        <v>7.1</v>
      </c>
      <c r="H41" s="12">
        <v>614431733.88999999</v>
      </c>
      <c r="I41" s="12">
        <v>218330502.25</v>
      </c>
      <c r="J41" s="12">
        <v>828741751.34000003</v>
      </c>
      <c r="K41" s="12">
        <v>7.78</v>
      </c>
      <c r="L41" s="12">
        <v>671130340.65999997</v>
      </c>
    </row>
    <row r="42" spans="1:12" x14ac:dyDescent="0.25">
      <c r="A42" s="2" t="s">
        <v>78</v>
      </c>
      <c r="B42" s="4" t="s">
        <v>400</v>
      </c>
      <c r="C42" s="12">
        <v>167013800</v>
      </c>
      <c r="D42" s="12">
        <v>203644388</v>
      </c>
      <c r="E42" s="12">
        <v>35979970.310000002</v>
      </c>
      <c r="F42" s="12">
        <v>82219754.590000004</v>
      </c>
      <c r="G42" s="12">
        <v>0.66</v>
      </c>
      <c r="H42" s="12">
        <v>121424633.41</v>
      </c>
      <c r="I42" s="12">
        <v>6945664.9800000004</v>
      </c>
      <c r="J42" s="12">
        <v>23727442.550000001</v>
      </c>
      <c r="K42" s="12">
        <v>0.22</v>
      </c>
      <c r="L42" s="12">
        <v>179916945.44999999</v>
      </c>
    </row>
    <row r="43" spans="1:12" x14ac:dyDescent="0.25">
      <c r="A43" s="2" t="s">
        <v>80</v>
      </c>
      <c r="B43" s="4" t="s">
        <v>401</v>
      </c>
      <c r="C43" s="12">
        <v>50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2</v>
      </c>
      <c r="B44" s="4" t="s">
        <v>402</v>
      </c>
      <c r="C44" s="12">
        <v>200</v>
      </c>
      <c r="D44" s="12">
        <v>0</v>
      </c>
      <c r="E44" s="12">
        <v>0</v>
      </c>
      <c r="F44" s="12">
        <v>0</v>
      </c>
      <c r="G44" s="12">
        <v>0</v>
      </c>
      <c r="H44" s="12">
        <v>0</v>
      </c>
      <c r="I44" s="12">
        <v>0</v>
      </c>
      <c r="J44" s="12">
        <v>0</v>
      </c>
      <c r="K44" s="12">
        <v>0</v>
      </c>
      <c r="L44" s="12">
        <v>0</v>
      </c>
    </row>
    <row r="45" spans="1:12" x14ac:dyDescent="0.25">
      <c r="A45" s="2" t="s">
        <v>84</v>
      </c>
      <c r="B45" s="4" t="s">
        <v>403</v>
      </c>
      <c r="C45" s="12">
        <v>357700</v>
      </c>
      <c r="D45" s="12">
        <v>357700</v>
      </c>
      <c r="E45" s="12">
        <v>0</v>
      </c>
      <c r="F45" s="12">
        <v>0</v>
      </c>
      <c r="G45" s="12">
        <v>0</v>
      </c>
      <c r="H45" s="12">
        <v>357700</v>
      </c>
      <c r="I45" s="12">
        <v>0</v>
      </c>
      <c r="J45" s="12">
        <v>0</v>
      </c>
      <c r="K45" s="12">
        <v>0</v>
      </c>
      <c r="L45" s="12">
        <v>357700</v>
      </c>
    </row>
    <row r="46" spans="1:12" x14ac:dyDescent="0.25">
      <c r="A46" s="3" t="s">
        <v>86</v>
      </c>
      <c r="B46" s="5" t="s">
        <v>404</v>
      </c>
      <c r="C46" s="11">
        <v>241550900</v>
      </c>
      <c r="D46" s="11">
        <v>237240900</v>
      </c>
      <c r="E46" s="11">
        <v>28556765.609999999</v>
      </c>
      <c r="F46" s="11">
        <v>106057773.64</v>
      </c>
      <c r="G46" s="11">
        <v>0.86</v>
      </c>
      <c r="H46" s="11">
        <v>131183126.36</v>
      </c>
      <c r="I46" s="11">
        <v>22913437.48</v>
      </c>
      <c r="J46" s="11">
        <v>98277098.769999996</v>
      </c>
      <c r="K46" s="11">
        <v>0.92</v>
      </c>
      <c r="L46" s="11">
        <v>138963801.22999999</v>
      </c>
    </row>
    <row r="47" spans="1:12" x14ac:dyDescent="0.25">
      <c r="A47" s="2" t="s">
        <v>88</v>
      </c>
      <c r="B47" s="4" t="s">
        <v>385</v>
      </c>
      <c r="C47" s="12">
        <v>62523900</v>
      </c>
      <c r="D47" s="12">
        <v>55105000</v>
      </c>
      <c r="E47" s="12">
        <v>9323294.6099999994</v>
      </c>
      <c r="F47" s="12">
        <v>34705482.670000002</v>
      </c>
      <c r="G47" s="12">
        <v>0.28000000000000003</v>
      </c>
      <c r="H47" s="12">
        <v>20399517.329999998</v>
      </c>
      <c r="I47" s="12">
        <v>6867967.3700000001</v>
      </c>
      <c r="J47" s="12">
        <v>32022883.370000001</v>
      </c>
      <c r="K47" s="12">
        <v>0.3</v>
      </c>
      <c r="L47" s="12">
        <v>23082116.629999999</v>
      </c>
    </row>
    <row r="48" spans="1:12" x14ac:dyDescent="0.25">
      <c r="A48" s="2" t="s">
        <v>90</v>
      </c>
      <c r="B48" s="4" t="s">
        <v>405</v>
      </c>
      <c r="C48" s="12">
        <v>5842000</v>
      </c>
      <c r="D48" s="12">
        <v>5842000</v>
      </c>
      <c r="E48" s="12">
        <v>0</v>
      </c>
      <c r="F48" s="12">
        <v>0</v>
      </c>
      <c r="G48" s="12">
        <v>0</v>
      </c>
      <c r="H48" s="12">
        <v>5842000</v>
      </c>
      <c r="I48" s="12">
        <v>0</v>
      </c>
      <c r="J48" s="12">
        <v>0</v>
      </c>
      <c r="K48" s="12">
        <v>0</v>
      </c>
      <c r="L48" s="12">
        <v>5842000</v>
      </c>
    </row>
    <row r="49" spans="1:12" x14ac:dyDescent="0.25">
      <c r="A49" s="2" t="s">
        <v>92</v>
      </c>
      <c r="B49" s="4" t="s">
        <v>402</v>
      </c>
      <c r="C49" s="12">
        <v>1170900</v>
      </c>
      <c r="D49" s="12">
        <v>1170900</v>
      </c>
      <c r="E49" s="12">
        <v>632716.71</v>
      </c>
      <c r="F49" s="12">
        <v>632716.71</v>
      </c>
      <c r="G49" s="12">
        <v>0.01</v>
      </c>
      <c r="H49" s="12">
        <v>538183.29</v>
      </c>
      <c r="I49" s="12">
        <v>125250</v>
      </c>
      <c r="J49" s="12">
        <v>125250</v>
      </c>
      <c r="K49" s="12">
        <v>0</v>
      </c>
      <c r="L49" s="12">
        <v>1045650</v>
      </c>
    </row>
    <row r="50" spans="1:12" x14ac:dyDescent="0.25">
      <c r="A50" s="2" t="s">
        <v>94</v>
      </c>
      <c r="B50" s="4" t="s">
        <v>406</v>
      </c>
      <c r="C50" s="12">
        <v>148970100</v>
      </c>
      <c r="D50" s="12">
        <v>164265210</v>
      </c>
      <c r="E50" s="12">
        <v>17370050.32</v>
      </c>
      <c r="F50" s="12">
        <v>64932694.020000003</v>
      </c>
      <c r="G50" s="12">
        <v>0.52</v>
      </c>
      <c r="H50" s="12">
        <v>99332515.980000004</v>
      </c>
      <c r="I50" s="12">
        <v>14536551.689999999</v>
      </c>
      <c r="J50" s="12">
        <v>60604723.560000002</v>
      </c>
      <c r="K50" s="12">
        <v>0.56999999999999995</v>
      </c>
      <c r="L50" s="12">
        <v>103660486.44</v>
      </c>
    </row>
    <row r="51" spans="1:12" x14ac:dyDescent="0.25">
      <c r="A51" s="2" t="s">
        <v>96</v>
      </c>
      <c r="B51" s="4" t="s">
        <v>407</v>
      </c>
      <c r="C51" s="12">
        <v>22000000</v>
      </c>
      <c r="D51" s="12">
        <v>9813790</v>
      </c>
      <c r="E51" s="12">
        <v>1228836.45</v>
      </c>
      <c r="F51" s="12">
        <v>4951607.37</v>
      </c>
      <c r="G51" s="12">
        <v>0.04</v>
      </c>
      <c r="H51" s="12">
        <v>4862182.63</v>
      </c>
      <c r="I51" s="12">
        <v>1381812.45</v>
      </c>
      <c r="J51" s="12">
        <v>4688996.1500000004</v>
      </c>
      <c r="K51" s="12">
        <v>0.04</v>
      </c>
      <c r="L51" s="12">
        <v>5124793.8499999996</v>
      </c>
    </row>
    <row r="52" spans="1:12" x14ac:dyDescent="0.25">
      <c r="A52" s="2" t="s">
        <v>98</v>
      </c>
      <c r="B52" s="4" t="s">
        <v>392</v>
      </c>
      <c r="C52" s="12">
        <v>1033200</v>
      </c>
      <c r="D52" s="12">
        <v>1033200</v>
      </c>
      <c r="E52" s="12">
        <v>0</v>
      </c>
      <c r="F52" s="12">
        <v>827850.29</v>
      </c>
      <c r="G52" s="12">
        <v>0.01</v>
      </c>
      <c r="H52" s="12">
        <v>205349.71</v>
      </c>
      <c r="I52" s="12">
        <v>0</v>
      </c>
      <c r="J52" s="12">
        <v>827850.29</v>
      </c>
      <c r="K52" s="12">
        <v>0.01</v>
      </c>
      <c r="L52" s="12">
        <v>205349.71</v>
      </c>
    </row>
    <row r="53" spans="1:12" x14ac:dyDescent="0.25">
      <c r="A53" s="2" t="s">
        <v>100</v>
      </c>
      <c r="B53" s="4" t="s">
        <v>408</v>
      </c>
      <c r="C53" s="12">
        <v>10800</v>
      </c>
      <c r="D53" s="12">
        <v>10800</v>
      </c>
      <c r="E53" s="12">
        <v>1867.52</v>
      </c>
      <c r="F53" s="12">
        <v>7422.58</v>
      </c>
      <c r="G53" s="12">
        <v>0</v>
      </c>
      <c r="H53" s="12">
        <v>3377.42</v>
      </c>
      <c r="I53" s="12">
        <v>1855.97</v>
      </c>
      <c r="J53" s="12">
        <v>7395.4</v>
      </c>
      <c r="K53" s="12">
        <v>0</v>
      </c>
      <c r="L53" s="12">
        <v>3404.6</v>
      </c>
    </row>
    <row r="54" spans="1:12" x14ac:dyDescent="0.25">
      <c r="A54" s="3" t="s">
        <v>102</v>
      </c>
      <c r="B54" s="5" t="s">
        <v>409</v>
      </c>
      <c r="C54" s="11">
        <v>2736295900</v>
      </c>
      <c r="D54" s="11">
        <v>2836295900</v>
      </c>
      <c r="E54" s="11">
        <v>535412309.08999997</v>
      </c>
      <c r="F54" s="11">
        <v>2551165027.9299998</v>
      </c>
      <c r="G54" s="11">
        <v>20.47</v>
      </c>
      <c r="H54" s="11">
        <v>285130872.06999999</v>
      </c>
      <c r="I54" s="11">
        <v>640826630.58000004</v>
      </c>
      <c r="J54" s="11">
        <v>2495379050.8099999</v>
      </c>
      <c r="K54" s="11">
        <v>23.43</v>
      </c>
      <c r="L54" s="11">
        <v>340916849.19</v>
      </c>
    </row>
    <row r="55" spans="1:12" x14ac:dyDescent="0.25">
      <c r="A55" s="2" t="s">
        <v>104</v>
      </c>
      <c r="B55" s="4" t="s">
        <v>397</v>
      </c>
      <c r="C55" s="12">
        <v>2736295900</v>
      </c>
      <c r="D55" s="12">
        <v>2836295900</v>
      </c>
      <c r="E55" s="12">
        <v>535412309.08999997</v>
      </c>
      <c r="F55" s="12">
        <v>2551165027.9299998</v>
      </c>
      <c r="G55" s="12">
        <v>20.47</v>
      </c>
      <c r="H55" s="12">
        <v>285130872.06999999</v>
      </c>
      <c r="I55" s="12">
        <v>640826630.58000004</v>
      </c>
      <c r="J55" s="12">
        <v>2495379050.8099999</v>
      </c>
      <c r="K55" s="12">
        <v>23.43</v>
      </c>
      <c r="L55" s="12">
        <v>340916849.19</v>
      </c>
    </row>
    <row r="56" spans="1:12" x14ac:dyDescent="0.25">
      <c r="A56" s="3" t="s">
        <v>106</v>
      </c>
      <c r="B56" s="5" t="s">
        <v>410</v>
      </c>
      <c r="C56" s="11">
        <v>1601289800</v>
      </c>
      <c r="D56" s="11">
        <v>1836848261.3800001</v>
      </c>
      <c r="E56" s="11">
        <v>344788598.69</v>
      </c>
      <c r="F56" s="11">
        <v>1140029375.2</v>
      </c>
      <c r="G56" s="11">
        <v>9.14</v>
      </c>
      <c r="H56" s="11">
        <v>696818886.17999995</v>
      </c>
      <c r="I56" s="11">
        <v>297694563.44</v>
      </c>
      <c r="J56" s="11">
        <v>957776627.00999999</v>
      </c>
      <c r="K56" s="11">
        <v>8.98</v>
      </c>
      <c r="L56" s="11">
        <v>879071634.37</v>
      </c>
    </row>
    <row r="57" spans="1:12" x14ac:dyDescent="0.25">
      <c r="A57" s="2" t="s">
        <v>108</v>
      </c>
      <c r="B57" s="4" t="s">
        <v>385</v>
      </c>
      <c r="C57" s="12">
        <v>361654800</v>
      </c>
      <c r="D57" s="12">
        <v>418003871.72000003</v>
      </c>
      <c r="E57" s="12">
        <v>96693577.75</v>
      </c>
      <c r="F57" s="12">
        <v>333475391.69999999</v>
      </c>
      <c r="G57" s="12">
        <v>2.68</v>
      </c>
      <c r="H57" s="12">
        <v>84528480.019999996</v>
      </c>
      <c r="I57" s="12">
        <v>73067228.900000006</v>
      </c>
      <c r="J57" s="12">
        <v>300426335.11000001</v>
      </c>
      <c r="K57" s="12">
        <v>2.82</v>
      </c>
      <c r="L57" s="12">
        <v>117577536.61</v>
      </c>
    </row>
    <row r="58" spans="1:12" x14ac:dyDescent="0.25">
      <c r="A58" s="2" t="s">
        <v>110</v>
      </c>
      <c r="B58" s="4" t="s">
        <v>387</v>
      </c>
      <c r="C58" s="12">
        <v>4797300</v>
      </c>
      <c r="D58" s="12">
        <v>4797300</v>
      </c>
      <c r="E58" s="12">
        <v>1150102.07</v>
      </c>
      <c r="F58" s="12">
        <v>2346975.9300000002</v>
      </c>
      <c r="G58" s="12">
        <v>0.02</v>
      </c>
      <c r="H58" s="12">
        <v>2450324.0699999998</v>
      </c>
      <c r="I58" s="12">
        <v>91175.44</v>
      </c>
      <c r="J58" s="12">
        <v>323455.61</v>
      </c>
      <c r="K58" s="12">
        <v>0</v>
      </c>
      <c r="L58" s="12">
        <v>4473844.3899999997</v>
      </c>
    </row>
    <row r="59" spans="1:12" x14ac:dyDescent="0.25">
      <c r="A59" s="2" t="s">
        <v>112</v>
      </c>
      <c r="B59" s="4" t="s">
        <v>411</v>
      </c>
      <c r="C59" s="12">
        <v>69829000</v>
      </c>
      <c r="D59" s="12">
        <v>60611770</v>
      </c>
      <c r="E59" s="12">
        <v>9614674</v>
      </c>
      <c r="F59" s="12">
        <v>40361426.43</v>
      </c>
      <c r="G59" s="12">
        <v>0.32</v>
      </c>
      <c r="H59" s="12">
        <v>20250343.57</v>
      </c>
      <c r="I59" s="12">
        <v>9446524.2100000009</v>
      </c>
      <c r="J59" s="12">
        <v>31652158.280000001</v>
      </c>
      <c r="K59" s="12">
        <v>0.3</v>
      </c>
      <c r="L59" s="12">
        <v>28959611.719999999</v>
      </c>
    </row>
    <row r="60" spans="1:12" x14ac:dyDescent="0.25">
      <c r="A60" s="2" t="s">
        <v>114</v>
      </c>
      <c r="B60" s="4" t="s">
        <v>412</v>
      </c>
      <c r="C60" s="12">
        <v>985422100</v>
      </c>
      <c r="D60" s="12">
        <v>1078723861.6600001</v>
      </c>
      <c r="E60" s="12">
        <v>192223859.44</v>
      </c>
      <c r="F60" s="12">
        <v>611977627.37</v>
      </c>
      <c r="G60" s="12">
        <v>4.91</v>
      </c>
      <c r="H60" s="12">
        <v>466746234.29000002</v>
      </c>
      <c r="I60" s="12">
        <v>176399400.81</v>
      </c>
      <c r="J60" s="12">
        <v>500297561.17000002</v>
      </c>
      <c r="K60" s="12">
        <v>4.7</v>
      </c>
      <c r="L60" s="12">
        <v>578426300.49000001</v>
      </c>
    </row>
    <row r="61" spans="1:12" x14ac:dyDescent="0.25">
      <c r="A61" s="2" t="s">
        <v>116</v>
      </c>
      <c r="B61" s="4" t="s">
        <v>413</v>
      </c>
      <c r="C61" s="12">
        <v>92524600</v>
      </c>
      <c r="D61" s="12">
        <v>90199070</v>
      </c>
      <c r="E61" s="12">
        <v>9397023.3599999994</v>
      </c>
      <c r="F61" s="12">
        <v>42823483.939999998</v>
      </c>
      <c r="G61" s="12">
        <v>0.34</v>
      </c>
      <c r="H61" s="12">
        <v>47375586.060000002</v>
      </c>
      <c r="I61" s="12">
        <v>8979342.2699999996</v>
      </c>
      <c r="J61" s="12">
        <v>33332151.079999998</v>
      </c>
      <c r="K61" s="12">
        <v>0.31</v>
      </c>
      <c r="L61" s="12">
        <v>56866918.920000002</v>
      </c>
    </row>
    <row r="62" spans="1:12" x14ac:dyDescent="0.25">
      <c r="A62" s="2" t="s">
        <v>118</v>
      </c>
      <c r="B62" s="4" t="s">
        <v>414</v>
      </c>
      <c r="C62" s="12">
        <v>2631900</v>
      </c>
      <c r="D62" s="12">
        <v>2631900</v>
      </c>
      <c r="E62" s="12">
        <v>399717.2</v>
      </c>
      <c r="F62" s="12">
        <v>496077.22</v>
      </c>
      <c r="G62" s="12">
        <v>0</v>
      </c>
      <c r="H62" s="12">
        <v>2135822.7799999998</v>
      </c>
      <c r="I62" s="12">
        <v>278612.06</v>
      </c>
      <c r="J62" s="12">
        <v>315286.96000000002</v>
      </c>
      <c r="K62" s="12">
        <v>0</v>
      </c>
      <c r="L62" s="12">
        <v>2316613.04</v>
      </c>
    </row>
    <row r="63" spans="1:12" x14ac:dyDescent="0.25">
      <c r="A63" s="2" t="s">
        <v>120</v>
      </c>
      <c r="B63" s="4" t="s">
        <v>415</v>
      </c>
      <c r="C63" s="12">
        <v>48339700</v>
      </c>
      <c r="D63" s="12">
        <v>145785624</v>
      </c>
      <c r="E63" s="12">
        <v>28229302.48</v>
      </c>
      <c r="F63" s="12">
        <v>80768097.719999999</v>
      </c>
      <c r="G63" s="12">
        <v>0.65</v>
      </c>
      <c r="H63" s="12">
        <v>65017526.280000001</v>
      </c>
      <c r="I63" s="12">
        <v>22581227.550000001</v>
      </c>
      <c r="J63" s="12">
        <v>67343961.560000002</v>
      </c>
      <c r="K63" s="12">
        <v>0.63</v>
      </c>
      <c r="L63" s="12">
        <v>78441662.439999998</v>
      </c>
    </row>
    <row r="64" spans="1:12" x14ac:dyDescent="0.25">
      <c r="A64" s="2" t="s">
        <v>121</v>
      </c>
      <c r="B64" s="4" t="s">
        <v>416</v>
      </c>
      <c r="C64" s="12">
        <v>34670700</v>
      </c>
      <c r="D64" s="12">
        <v>34670700</v>
      </c>
      <c r="E64" s="12">
        <v>7012539.1799999997</v>
      </c>
      <c r="F64" s="12">
        <v>27350386.780000001</v>
      </c>
      <c r="G64" s="12">
        <v>0.22</v>
      </c>
      <c r="H64" s="12">
        <v>7320313.2199999997</v>
      </c>
      <c r="I64" s="12">
        <v>6782498.9900000002</v>
      </c>
      <c r="J64" s="12">
        <v>23821059.129999999</v>
      </c>
      <c r="K64" s="12">
        <v>0.22</v>
      </c>
      <c r="L64" s="12">
        <v>10849640.869999999</v>
      </c>
    </row>
    <row r="65" spans="1:12" x14ac:dyDescent="0.25">
      <c r="A65" s="2" t="s">
        <v>122</v>
      </c>
      <c r="B65" s="4" t="s">
        <v>417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  <c r="J65" s="12">
        <v>0</v>
      </c>
      <c r="K65" s="12">
        <v>0</v>
      </c>
      <c r="L65" s="12">
        <v>0</v>
      </c>
    </row>
    <row r="66" spans="1:12" x14ac:dyDescent="0.25">
      <c r="A66" s="2" t="s">
        <v>123</v>
      </c>
      <c r="B66" s="4" t="s">
        <v>392</v>
      </c>
      <c r="C66" s="12">
        <v>1031000</v>
      </c>
      <c r="D66" s="12">
        <v>1031000</v>
      </c>
      <c r="E66" s="12">
        <v>2100</v>
      </c>
      <c r="F66" s="12">
        <v>168100</v>
      </c>
      <c r="G66" s="12">
        <v>0</v>
      </c>
      <c r="H66" s="12">
        <v>862900</v>
      </c>
      <c r="I66" s="12">
        <v>2850</v>
      </c>
      <c r="J66" s="12">
        <v>2850</v>
      </c>
      <c r="K66" s="12">
        <v>0</v>
      </c>
      <c r="L66" s="12">
        <v>1028150</v>
      </c>
    </row>
    <row r="67" spans="1:12" x14ac:dyDescent="0.25">
      <c r="A67" s="2" t="s">
        <v>124</v>
      </c>
      <c r="B67" s="4" t="s">
        <v>408</v>
      </c>
      <c r="C67" s="12">
        <v>388700</v>
      </c>
      <c r="D67" s="12">
        <v>393164</v>
      </c>
      <c r="E67" s="12">
        <v>65703.210000000006</v>
      </c>
      <c r="F67" s="12">
        <v>261808.11</v>
      </c>
      <c r="G67" s="12">
        <v>0</v>
      </c>
      <c r="H67" s="12">
        <v>131355.89000000001</v>
      </c>
      <c r="I67" s="12">
        <v>65703.210000000006</v>
      </c>
      <c r="J67" s="12">
        <v>261808.11</v>
      </c>
      <c r="K67" s="12">
        <v>0</v>
      </c>
      <c r="L67" s="12">
        <v>131355.89000000001</v>
      </c>
    </row>
    <row r="68" spans="1:12" x14ac:dyDescent="0.25">
      <c r="A68" s="3" t="s">
        <v>125</v>
      </c>
      <c r="B68" s="5" t="s">
        <v>418</v>
      </c>
      <c r="C68" s="11">
        <v>10527800</v>
      </c>
      <c r="D68" s="11">
        <v>21920555</v>
      </c>
      <c r="E68" s="11">
        <v>1592733.89</v>
      </c>
      <c r="F68" s="11">
        <v>8428995.0299999993</v>
      </c>
      <c r="G68" s="11">
        <v>7.0000000000000007E-2</v>
      </c>
      <c r="H68" s="11">
        <v>13491559.970000001</v>
      </c>
      <c r="I68" s="11">
        <v>1908709.31</v>
      </c>
      <c r="J68" s="11">
        <v>8158655.04</v>
      </c>
      <c r="K68" s="11">
        <v>0.08</v>
      </c>
      <c r="L68" s="11">
        <v>13761899.960000001</v>
      </c>
    </row>
    <row r="69" spans="1:12" x14ac:dyDescent="0.25">
      <c r="A69" s="2" t="s">
        <v>126</v>
      </c>
      <c r="B69" s="4" t="s">
        <v>385</v>
      </c>
      <c r="C69" s="12">
        <v>10178200</v>
      </c>
      <c r="D69" s="12">
        <v>21560955</v>
      </c>
      <c r="E69" s="12">
        <v>1582521.79</v>
      </c>
      <c r="F69" s="12">
        <v>8388303.29</v>
      </c>
      <c r="G69" s="12">
        <v>7.0000000000000007E-2</v>
      </c>
      <c r="H69" s="12">
        <v>13172651.710000001</v>
      </c>
      <c r="I69" s="12">
        <v>1898497.21</v>
      </c>
      <c r="J69" s="12">
        <v>8117963.2999999998</v>
      </c>
      <c r="K69" s="12">
        <v>0.08</v>
      </c>
      <c r="L69" s="12">
        <v>13442991.699999999</v>
      </c>
    </row>
    <row r="70" spans="1:12" x14ac:dyDescent="0.25">
      <c r="A70" s="2" t="s">
        <v>127</v>
      </c>
      <c r="B70" s="4" t="s">
        <v>419</v>
      </c>
      <c r="C70" s="12">
        <v>289300</v>
      </c>
      <c r="D70" s="12">
        <v>299300</v>
      </c>
      <c r="E70" s="12">
        <v>0</v>
      </c>
      <c r="F70" s="12">
        <v>0</v>
      </c>
      <c r="G70" s="12">
        <v>0</v>
      </c>
      <c r="H70" s="12">
        <v>299300</v>
      </c>
      <c r="I70" s="12">
        <v>0</v>
      </c>
      <c r="J70" s="12">
        <v>0</v>
      </c>
      <c r="K70" s="12">
        <v>0</v>
      </c>
      <c r="L70" s="12">
        <v>299300</v>
      </c>
    </row>
    <row r="71" spans="1:12" x14ac:dyDescent="0.25">
      <c r="A71" s="2" t="s">
        <v>128</v>
      </c>
      <c r="B71" s="4" t="s">
        <v>408</v>
      </c>
      <c r="C71" s="12">
        <v>60300</v>
      </c>
      <c r="D71" s="12">
        <v>60300</v>
      </c>
      <c r="E71" s="12">
        <v>10212.1</v>
      </c>
      <c r="F71" s="12">
        <v>40691.74</v>
      </c>
      <c r="G71" s="12">
        <v>0</v>
      </c>
      <c r="H71" s="12">
        <v>19608.259999999998</v>
      </c>
      <c r="I71" s="12">
        <v>10212.1</v>
      </c>
      <c r="J71" s="12">
        <v>40691.74</v>
      </c>
      <c r="K71" s="12">
        <v>0</v>
      </c>
      <c r="L71" s="12">
        <v>19608.259999999998</v>
      </c>
    </row>
    <row r="72" spans="1:12" x14ac:dyDescent="0.25">
      <c r="A72" s="3" t="s">
        <v>130</v>
      </c>
      <c r="B72" s="5" t="s">
        <v>420</v>
      </c>
      <c r="C72" s="11">
        <v>1951359600</v>
      </c>
      <c r="D72" s="11">
        <v>2125227872.72</v>
      </c>
      <c r="E72" s="11">
        <v>331141500.29000002</v>
      </c>
      <c r="F72" s="11">
        <v>1296784670.0799999</v>
      </c>
      <c r="G72" s="11">
        <v>10.41</v>
      </c>
      <c r="H72" s="11">
        <v>828443202.63999999</v>
      </c>
      <c r="I72" s="11">
        <v>309706633.04000002</v>
      </c>
      <c r="J72" s="11">
        <v>1133873208.76</v>
      </c>
      <c r="K72" s="11">
        <v>10.65</v>
      </c>
      <c r="L72" s="11">
        <v>991354663.96000004</v>
      </c>
    </row>
    <row r="73" spans="1:12" x14ac:dyDescent="0.25">
      <c r="A73" s="2" t="s">
        <v>132</v>
      </c>
      <c r="B73" s="4" t="s">
        <v>385</v>
      </c>
      <c r="C73" s="12">
        <v>1479256100</v>
      </c>
      <c r="D73" s="12">
        <v>1577651422.72</v>
      </c>
      <c r="E73" s="12">
        <v>241534918.41999999</v>
      </c>
      <c r="F73" s="12">
        <v>1024452588.3</v>
      </c>
      <c r="G73" s="12">
        <v>8.2200000000000006</v>
      </c>
      <c r="H73" s="12">
        <v>553198834.41999996</v>
      </c>
      <c r="I73" s="12">
        <v>239296059.81999999</v>
      </c>
      <c r="J73" s="12">
        <v>985061274.41999996</v>
      </c>
      <c r="K73" s="12">
        <v>9.25</v>
      </c>
      <c r="L73" s="12">
        <v>592590148.29999995</v>
      </c>
    </row>
    <row r="74" spans="1:12" x14ac:dyDescent="0.25">
      <c r="A74" s="2" t="s">
        <v>134</v>
      </c>
      <c r="B74" s="4" t="s">
        <v>421</v>
      </c>
      <c r="C74" s="12">
        <v>10570400</v>
      </c>
      <c r="D74" s="12">
        <v>3770400</v>
      </c>
      <c r="E74" s="12">
        <v>188108.4</v>
      </c>
      <c r="F74" s="12">
        <v>831228.23</v>
      </c>
      <c r="G74" s="12">
        <v>0.01</v>
      </c>
      <c r="H74" s="12">
        <v>2939171.77</v>
      </c>
      <c r="I74" s="12">
        <v>282162.59999999998</v>
      </c>
      <c r="J74" s="12">
        <v>831228.23</v>
      </c>
      <c r="K74" s="12">
        <v>0.01</v>
      </c>
      <c r="L74" s="12">
        <v>2939171.77</v>
      </c>
    </row>
    <row r="75" spans="1:12" x14ac:dyDescent="0.25">
      <c r="A75" s="2" t="s">
        <v>136</v>
      </c>
      <c r="B75" s="4" t="s">
        <v>422</v>
      </c>
      <c r="C75" s="12">
        <v>21377600</v>
      </c>
      <c r="D75" s="12">
        <v>19750893</v>
      </c>
      <c r="E75" s="12">
        <v>0</v>
      </c>
      <c r="F75" s="12">
        <v>17082183.530000001</v>
      </c>
      <c r="G75" s="12">
        <v>0.14000000000000001</v>
      </c>
      <c r="H75" s="12">
        <v>2668709.4700000002</v>
      </c>
      <c r="I75" s="12">
        <v>6309450</v>
      </c>
      <c r="J75" s="12">
        <v>13862183.529999999</v>
      </c>
      <c r="K75" s="12">
        <v>0.13</v>
      </c>
      <c r="L75" s="12">
        <v>5888709.4699999997</v>
      </c>
    </row>
    <row r="76" spans="1:12" x14ac:dyDescent="0.25">
      <c r="A76" s="2" t="s">
        <v>138</v>
      </c>
      <c r="B76" s="4" t="s">
        <v>423</v>
      </c>
      <c r="C76" s="12">
        <v>52575300</v>
      </c>
      <c r="D76" s="12">
        <v>43077810</v>
      </c>
      <c r="E76" s="12">
        <v>978312</v>
      </c>
      <c r="F76" s="12">
        <v>2748160.13</v>
      </c>
      <c r="G76" s="12">
        <v>0.02</v>
      </c>
      <c r="H76" s="12">
        <v>40329649.869999997</v>
      </c>
      <c r="I76" s="12">
        <v>512476.99</v>
      </c>
      <c r="J76" s="12">
        <v>1728032.84</v>
      </c>
      <c r="K76" s="12">
        <v>0.02</v>
      </c>
      <c r="L76" s="12">
        <v>41349777.159999996</v>
      </c>
    </row>
    <row r="77" spans="1:12" x14ac:dyDescent="0.25">
      <c r="A77" s="2" t="s">
        <v>140</v>
      </c>
      <c r="B77" s="4" t="s">
        <v>407</v>
      </c>
      <c r="C77" s="12">
        <v>28482800</v>
      </c>
      <c r="D77" s="12">
        <v>28918000</v>
      </c>
      <c r="E77" s="12">
        <v>2695331.81</v>
      </c>
      <c r="F77" s="12">
        <v>7779094.9900000002</v>
      </c>
      <c r="G77" s="12">
        <v>0.06</v>
      </c>
      <c r="H77" s="12">
        <v>21138905.010000002</v>
      </c>
      <c r="I77" s="12">
        <v>1263644.0900000001</v>
      </c>
      <c r="J77" s="12">
        <v>5296637.46</v>
      </c>
      <c r="K77" s="12">
        <v>0.05</v>
      </c>
      <c r="L77" s="12">
        <v>23621362.539999999</v>
      </c>
    </row>
    <row r="78" spans="1:12" x14ac:dyDescent="0.25">
      <c r="A78" s="2" t="s">
        <v>142</v>
      </c>
      <c r="B78" s="4" t="s">
        <v>424</v>
      </c>
      <c r="C78" s="12">
        <v>4316600</v>
      </c>
      <c r="D78" s="12">
        <v>3490200</v>
      </c>
      <c r="E78" s="12">
        <v>0</v>
      </c>
      <c r="F78" s="12">
        <v>0</v>
      </c>
      <c r="G78" s="12">
        <v>0</v>
      </c>
      <c r="H78" s="12">
        <v>3490200</v>
      </c>
      <c r="I78" s="12">
        <v>0</v>
      </c>
      <c r="J78" s="12">
        <v>0</v>
      </c>
      <c r="K78" s="12">
        <v>0</v>
      </c>
      <c r="L78" s="12">
        <v>3490200</v>
      </c>
    </row>
    <row r="79" spans="1:12" x14ac:dyDescent="0.25">
      <c r="A79" s="2" t="s">
        <v>144</v>
      </c>
      <c r="B79" s="4" t="s">
        <v>425</v>
      </c>
      <c r="C79" s="12">
        <v>13712900</v>
      </c>
      <c r="D79" s="12">
        <v>13296290</v>
      </c>
      <c r="E79" s="12">
        <v>2606765.65</v>
      </c>
      <c r="F79" s="12">
        <v>4806361.16</v>
      </c>
      <c r="G79" s="12">
        <v>0.04</v>
      </c>
      <c r="H79" s="12">
        <v>8489928.8399999999</v>
      </c>
      <c r="I79" s="12">
        <v>410319.76</v>
      </c>
      <c r="J79" s="12">
        <v>2097207.75</v>
      </c>
      <c r="K79" s="12">
        <v>0.02</v>
      </c>
      <c r="L79" s="12">
        <v>11199082.25</v>
      </c>
    </row>
    <row r="80" spans="1:12" x14ac:dyDescent="0.25">
      <c r="A80" s="2" t="s">
        <v>146</v>
      </c>
      <c r="B80" s="4" t="s">
        <v>426</v>
      </c>
      <c r="C80" s="12">
        <v>319908600</v>
      </c>
      <c r="D80" s="12">
        <v>407140257</v>
      </c>
      <c r="E80" s="12">
        <v>81059347.569999993</v>
      </c>
      <c r="F80" s="12">
        <v>227890262.74000001</v>
      </c>
      <c r="G80" s="12">
        <v>1.83</v>
      </c>
      <c r="H80" s="12">
        <v>179249994.25999999</v>
      </c>
      <c r="I80" s="12">
        <v>59617186.130000003</v>
      </c>
      <c r="J80" s="12">
        <v>116840787.22</v>
      </c>
      <c r="K80" s="12">
        <v>1.1000000000000001</v>
      </c>
      <c r="L80" s="12">
        <v>290299469.77999997</v>
      </c>
    </row>
    <row r="81" spans="1:12" x14ac:dyDescent="0.25">
      <c r="A81" s="2" t="s">
        <v>148</v>
      </c>
      <c r="B81" s="4" t="s">
        <v>427</v>
      </c>
      <c r="C81" s="12">
        <v>10888300</v>
      </c>
      <c r="D81" s="12">
        <v>17861600</v>
      </c>
      <c r="E81" s="12">
        <v>638267.79</v>
      </c>
      <c r="F81" s="12">
        <v>5404245.7999999998</v>
      </c>
      <c r="G81" s="12">
        <v>0.04</v>
      </c>
      <c r="H81" s="12">
        <v>12457354.199999999</v>
      </c>
      <c r="I81" s="12">
        <v>574885</v>
      </c>
      <c r="J81" s="12">
        <v>2379999.64</v>
      </c>
      <c r="K81" s="12">
        <v>0.02</v>
      </c>
      <c r="L81" s="12">
        <v>15481600.359999999</v>
      </c>
    </row>
    <row r="82" spans="1:12" x14ac:dyDescent="0.25">
      <c r="A82" s="2" t="s">
        <v>150</v>
      </c>
      <c r="B82" s="4" t="s">
        <v>408</v>
      </c>
      <c r="C82" s="12">
        <v>10271000</v>
      </c>
      <c r="D82" s="12">
        <v>10271000</v>
      </c>
      <c r="E82" s="12">
        <v>1440448.65</v>
      </c>
      <c r="F82" s="12">
        <v>5790545.2000000002</v>
      </c>
      <c r="G82" s="12">
        <v>0.05</v>
      </c>
      <c r="H82" s="12">
        <v>4480454.8</v>
      </c>
      <c r="I82" s="12">
        <v>1440448.65</v>
      </c>
      <c r="J82" s="12">
        <v>5775857.6699999999</v>
      </c>
      <c r="K82" s="12">
        <v>0.05</v>
      </c>
      <c r="L82" s="12">
        <v>4495142.33</v>
      </c>
    </row>
    <row r="83" spans="1:12" x14ac:dyDescent="0.25">
      <c r="A83" s="3" t="s">
        <v>152</v>
      </c>
      <c r="B83" s="5" t="s">
        <v>428</v>
      </c>
      <c r="C83" s="11">
        <v>45372700</v>
      </c>
      <c r="D83" s="11">
        <v>79250135.109999999</v>
      </c>
      <c r="E83" s="11">
        <v>8301240.9500000002</v>
      </c>
      <c r="F83" s="11">
        <v>32360744.890000001</v>
      </c>
      <c r="G83" s="11">
        <v>0.26</v>
      </c>
      <c r="H83" s="11">
        <v>46889390.219999999</v>
      </c>
      <c r="I83" s="11">
        <v>9962005.8000000007</v>
      </c>
      <c r="J83" s="11">
        <v>30168364.649999999</v>
      </c>
      <c r="K83" s="11">
        <v>0.28000000000000003</v>
      </c>
      <c r="L83" s="11">
        <v>49081770.460000001</v>
      </c>
    </row>
    <row r="84" spans="1:12" x14ac:dyDescent="0.25">
      <c r="A84" s="2" t="s">
        <v>153</v>
      </c>
      <c r="B84" s="4" t="s">
        <v>385</v>
      </c>
      <c r="C84" s="12">
        <v>21707800</v>
      </c>
      <c r="D84" s="12">
        <v>14990183.109999999</v>
      </c>
      <c r="E84" s="12">
        <v>1325010.32</v>
      </c>
      <c r="F84" s="12">
        <v>9598583.9800000004</v>
      </c>
      <c r="G84" s="12">
        <v>0.08</v>
      </c>
      <c r="H84" s="12">
        <v>5391599.1299999999</v>
      </c>
      <c r="I84" s="12">
        <v>1352080</v>
      </c>
      <c r="J84" s="12">
        <v>9345129.9100000001</v>
      </c>
      <c r="K84" s="12">
        <v>0.09</v>
      </c>
      <c r="L84" s="12">
        <v>5645053.2000000002</v>
      </c>
    </row>
    <row r="85" spans="1:12" x14ac:dyDescent="0.25">
      <c r="A85" s="2" t="s">
        <v>154</v>
      </c>
      <c r="B85" s="4" t="s">
        <v>429</v>
      </c>
      <c r="C85" s="12">
        <v>12000000</v>
      </c>
      <c r="D85" s="12">
        <v>15693233.380000001</v>
      </c>
      <c r="E85" s="12">
        <v>0</v>
      </c>
      <c r="F85" s="12">
        <v>244412.82</v>
      </c>
      <c r="G85" s="12">
        <v>0</v>
      </c>
      <c r="H85" s="12">
        <v>15448820.560000001</v>
      </c>
      <c r="I85" s="12">
        <v>0</v>
      </c>
      <c r="J85" s="12">
        <v>122206.41</v>
      </c>
      <c r="K85" s="12">
        <v>0</v>
      </c>
      <c r="L85" s="12">
        <v>15571026.970000001</v>
      </c>
    </row>
    <row r="86" spans="1:12" x14ac:dyDescent="0.25">
      <c r="A86" s="2" t="s">
        <v>156</v>
      </c>
      <c r="B86" s="4" t="s">
        <v>430</v>
      </c>
      <c r="C86" s="12">
        <v>11654900</v>
      </c>
      <c r="D86" s="12">
        <v>48566718.619999997</v>
      </c>
      <c r="E86" s="12">
        <v>6976230.6299999999</v>
      </c>
      <c r="F86" s="12">
        <v>22517748.09</v>
      </c>
      <c r="G86" s="12">
        <v>0.18</v>
      </c>
      <c r="H86" s="12">
        <v>26048970.530000001</v>
      </c>
      <c r="I86" s="12">
        <v>8609925.8000000007</v>
      </c>
      <c r="J86" s="12">
        <v>20701028.329999998</v>
      </c>
      <c r="K86" s="12">
        <v>0.19</v>
      </c>
      <c r="L86" s="12">
        <v>27865690.289999999</v>
      </c>
    </row>
    <row r="87" spans="1:12" x14ac:dyDescent="0.25">
      <c r="A87" s="2" t="s">
        <v>158</v>
      </c>
      <c r="B87" s="4" t="s">
        <v>392</v>
      </c>
      <c r="C87" s="12">
        <v>10000</v>
      </c>
      <c r="D87" s="12">
        <v>0</v>
      </c>
      <c r="E87" s="12">
        <v>0</v>
      </c>
      <c r="F87" s="12">
        <v>0</v>
      </c>
      <c r="G87" s="12">
        <v>0</v>
      </c>
      <c r="H87" s="12">
        <v>0</v>
      </c>
      <c r="I87" s="12">
        <v>0</v>
      </c>
      <c r="J87" s="12">
        <v>0</v>
      </c>
      <c r="K87" s="12">
        <v>0</v>
      </c>
      <c r="L87" s="12">
        <v>0</v>
      </c>
    </row>
    <row r="88" spans="1:12" x14ac:dyDescent="0.25">
      <c r="A88" s="3" t="s">
        <v>160</v>
      </c>
      <c r="B88" s="5" t="s">
        <v>431</v>
      </c>
      <c r="C88" s="11">
        <v>323239300</v>
      </c>
      <c r="D88" s="11">
        <v>328684837</v>
      </c>
      <c r="E88" s="11">
        <v>50950361.93</v>
      </c>
      <c r="F88" s="11">
        <v>229518478.36000001</v>
      </c>
      <c r="G88" s="11">
        <v>1.85</v>
      </c>
      <c r="H88" s="11">
        <v>99166358.640000001</v>
      </c>
      <c r="I88" s="11">
        <v>49412847.619999997</v>
      </c>
      <c r="J88" s="11">
        <v>212169850.81</v>
      </c>
      <c r="K88" s="11">
        <v>1.99</v>
      </c>
      <c r="L88" s="11">
        <v>116514986.19</v>
      </c>
    </row>
    <row r="89" spans="1:12" x14ac:dyDescent="0.25">
      <c r="A89" s="2" t="s">
        <v>162</v>
      </c>
      <c r="B89" s="4" t="s">
        <v>396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</row>
    <row r="90" spans="1:12" x14ac:dyDescent="0.25">
      <c r="A90" s="2" t="s">
        <v>164</v>
      </c>
      <c r="B90" s="4" t="s">
        <v>403</v>
      </c>
      <c r="C90" s="12">
        <v>313369500</v>
      </c>
      <c r="D90" s="12">
        <v>313079757</v>
      </c>
      <c r="E90" s="12">
        <v>50092166.159999996</v>
      </c>
      <c r="F90" s="12">
        <v>226349926.55000001</v>
      </c>
      <c r="G90" s="12">
        <v>1.82</v>
      </c>
      <c r="H90" s="12">
        <v>86729830.450000003</v>
      </c>
      <c r="I90" s="12">
        <v>49193910.420000002</v>
      </c>
      <c r="J90" s="12">
        <v>209809979.28</v>
      </c>
      <c r="K90" s="12">
        <v>1.97</v>
      </c>
      <c r="L90" s="12">
        <v>103269777.72</v>
      </c>
    </row>
    <row r="91" spans="1:12" x14ac:dyDescent="0.25">
      <c r="A91" s="2" t="s">
        <v>177</v>
      </c>
      <c r="B91" s="4" t="s">
        <v>392</v>
      </c>
      <c r="C91" s="12">
        <v>9340000</v>
      </c>
      <c r="D91" s="12">
        <v>15075280</v>
      </c>
      <c r="E91" s="12">
        <v>858195.77</v>
      </c>
      <c r="F91" s="12">
        <v>3168551.81</v>
      </c>
      <c r="G91" s="12">
        <v>0.03</v>
      </c>
      <c r="H91" s="12">
        <v>11906728.189999999</v>
      </c>
      <c r="I91" s="12">
        <v>218937.2</v>
      </c>
      <c r="J91" s="12">
        <v>2359871.5299999998</v>
      </c>
      <c r="K91" s="12">
        <v>0.02</v>
      </c>
      <c r="L91" s="12">
        <v>12715408.470000001</v>
      </c>
    </row>
    <row r="92" spans="1:12" x14ac:dyDescent="0.25">
      <c r="A92" s="2" t="s">
        <v>179</v>
      </c>
      <c r="B92" s="4" t="s">
        <v>432</v>
      </c>
      <c r="C92" s="12">
        <v>529800</v>
      </c>
      <c r="D92" s="12">
        <v>529800</v>
      </c>
      <c r="E92" s="12">
        <v>0</v>
      </c>
      <c r="F92" s="12">
        <v>0</v>
      </c>
      <c r="G92" s="12">
        <v>0</v>
      </c>
      <c r="H92" s="12">
        <v>529800</v>
      </c>
      <c r="I92" s="12">
        <v>0</v>
      </c>
      <c r="J92" s="12">
        <v>0</v>
      </c>
      <c r="K92" s="12">
        <v>0</v>
      </c>
      <c r="L92" s="12">
        <v>529800</v>
      </c>
    </row>
    <row r="93" spans="1:12" x14ac:dyDescent="0.25">
      <c r="A93" s="3" t="s">
        <v>181</v>
      </c>
      <c r="B93" s="5" t="s">
        <v>433</v>
      </c>
      <c r="C93" s="11">
        <v>0</v>
      </c>
      <c r="D93" s="11">
        <v>0</v>
      </c>
      <c r="E93" s="11">
        <v>0</v>
      </c>
      <c r="F93" s="11">
        <v>0</v>
      </c>
      <c r="G93" s="11">
        <v>0</v>
      </c>
      <c r="H93" s="11">
        <v>0</v>
      </c>
      <c r="I93" s="11">
        <v>0</v>
      </c>
      <c r="J93" s="11">
        <v>0</v>
      </c>
      <c r="K93" s="11">
        <v>0</v>
      </c>
      <c r="L93" s="11">
        <v>0</v>
      </c>
    </row>
    <row r="94" spans="1:12" x14ac:dyDescent="0.25">
      <c r="A94" s="2" t="s">
        <v>183</v>
      </c>
      <c r="B94" s="4" t="s">
        <v>434</v>
      </c>
      <c r="C94" s="12">
        <v>0</v>
      </c>
      <c r="D94" s="12">
        <v>0</v>
      </c>
      <c r="E94" s="12">
        <v>0</v>
      </c>
      <c r="F94" s="12">
        <v>0</v>
      </c>
      <c r="G94" s="12">
        <v>0</v>
      </c>
      <c r="H94" s="12">
        <v>0</v>
      </c>
      <c r="I94" s="12">
        <v>0</v>
      </c>
      <c r="J94" s="12">
        <v>0</v>
      </c>
      <c r="K94" s="12">
        <v>0</v>
      </c>
      <c r="L94" s="12">
        <v>0</v>
      </c>
    </row>
    <row r="95" spans="1:12" x14ac:dyDescent="0.25">
      <c r="A95" s="3" t="s">
        <v>185</v>
      </c>
      <c r="B95" s="5" t="s">
        <v>435</v>
      </c>
      <c r="C95" s="11">
        <v>24190000</v>
      </c>
      <c r="D95" s="11">
        <v>55783882</v>
      </c>
      <c r="E95" s="11">
        <v>11215863.720000001</v>
      </c>
      <c r="F95" s="11">
        <v>25459989.399999999</v>
      </c>
      <c r="G95" s="11">
        <v>0.2</v>
      </c>
      <c r="H95" s="11">
        <v>30323892.600000001</v>
      </c>
      <c r="I95" s="11">
        <v>9266984.1999999993</v>
      </c>
      <c r="J95" s="11">
        <v>17104443.5</v>
      </c>
      <c r="K95" s="11">
        <v>0.16</v>
      </c>
      <c r="L95" s="11">
        <v>38679438.5</v>
      </c>
    </row>
    <row r="96" spans="1:12" x14ac:dyDescent="0.25">
      <c r="A96" s="2" t="s">
        <v>187</v>
      </c>
      <c r="B96" s="4" t="s">
        <v>385</v>
      </c>
      <c r="C96" s="12">
        <v>11935800</v>
      </c>
      <c r="D96" s="12">
        <v>14756797</v>
      </c>
      <c r="E96" s="12">
        <v>1606470.21</v>
      </c>
      <c r="F96" s="12">
        <v>6561301.7800000003</v>
      </c>
      <c r="G96" s="12">
        <v>0.05</v>
      </c>
      <c r="H96" s="12">
        <v>8195495.2199999997</v>
      </c>
      <c r="I96" s="12">
        <v>1528984.53</v>
      </c>
      <c r="J96" s="12">
        <v>6093839.6600000001</v>
      </c>
      <c r="K96" s="12">
        <v>0.06</v>
      </c>
      <c r="L96" s="12">
        <v>8662957.3399999999</v>
      </c>
    </row>
    <row r="97" spans="1:12" x14ac:dyDescent="0.25">
      <c r="A97" s="2" t="s">
        <v>189</v>
      </c>
      <c r="B97" s="4" t="s">
        <v>394</v>
      </c>
      <c r="C97" s="12">
        <v>1000</v>
      </c>
      <c r="D97" s="12">
        <v>1000</v>
      </c>
      <c r="E97" s="12">
        <v>0</v>
      </c>
      <c r="F97" s="12">
        <v>0</v>
      </c>
      <c r="G97" s="12">
        <v>0</v>
      </c>
      <c r="H97" s="12">
        <v>1000</v>
      </c>
      <c r="I97" s="12">
        <v>0</v>
      </c>
      <c r="J97" s="12">
        <v>0</v>
      </c>
      <c r="K97" s="12">
        <v>0</v>
      </c>
      <c r="L97" s="12">
        <v>1000</v>
      </c>
    </row>
    <row r="98" spans="1:12" x14ac:dyDescent="0.25">
      <c r="A98" s="2" t="s">
        <v>191</v>
      </c>
      <c r="B98" s="4" t="s">
        <v>436</v>
      </c>
      <c r="C98" s="12">
        <v>12253200</v>
      </c>
      <c r="D98" s="12">
        <v>41026085</v>
      </c>
      <c r="E98" s="12">
        <v>9609393.5099999998</v>
      </c>
      <c r="F98" s="12">
        <v>18898687.620000001</v>
      </c>
      <c r="G98" s="12">
        <v>0.15</v>
      </c>
      <c r="H98" s="12">
        <v>22127397.379999999</v>
      </c>
      <c r="I98" s="12">
        <v>7737999.6699999999</v>
      </c>
      <c r="J98" s="12">
        <v>11010603.84</v>
      </c>
      <c r="K98" s="12">
        <v>0.1</v>
      </c>
      <c r="L98" s="12">
        <v>30015481.16</v>
      </c>
    </row>
    <row r="99" spans="1:12" x14ac:dyDescent="0.25">
      <c r="A99" s="3" t="s">
        <v>193</v>
      </c>
      <c r="B99" s="5" t="s">
        <v>437</v>
      </c>
      <c r="C99" s="11">
        <v>124351000</v>
      </c>
      <c r="D99" s="11">
        <v>92514791</v>
      </c>
      <c r="E99" s="11">
        <v>2935938.55</v>
      </c>
      <c r="F99" s="11">
        <v>21889614.25</v>
      </c>
      <c r="G99" s="11">
        <v>0.18</v>
      </c>
      <c r="H99" s="11">
        <v>70625176.75</v>
      </c>
      <c r="I99" s="11">
        <v>3061235.4</v>
      </c>
      <c r="J99" s="11">
        <v>7149843.0099999998</v>
      </c>
      <c r="K99" s="11">
        <v>7.0000000000000007E-2</v>
      </c>
      <c r="L99" s="11">
        <v>85364947.989999995</v>
      </c>
    </row>
    <row r="100" spans="1:12" x14ac:dyDescent="0.25">
      <c r="A100" s="2" t="s">
        <v>195</v>
      </c>
      <c r="B100" s="4" t="s">
        <v>438</v>
      </c>
      <c r="C100" s="12">
        <v>124351000</v>
      </c>
      <c r="D100" s="12">
        <v>92514791</v>
      </c>
      <c r="E100" s="12">
        <v>2935938.55</v>
      </c>
      <c r="F100" s="12">
        <v>21889614.25</v>
      </c>
      <c r="G100" s="12">
        <v>0.18</v>
      </c>
      <c r="H100" s="12">
        <v>70625176.75</v>
      </c>
      <c r="I100" s="12">
        <v>3061235.4</v>
      </c>
      <c r="J100" s="12">
        <v>7149843.0099999998</v>
      </c>
      <c r="K100" s="12">
        <v>7.0000000000000007E-2</v>
      </c>
      <c r="L100" s="12">
        <v>85364947.989999995</v>
      </c>
    </row>
    <row r="101" spans="1:12" x14ac:dyDescent="0.25">
      <c r="A101" s="3" t="s">
        <v>197</v>
      </c>
      <c r="B101" s="5" t="s">
        <v>439</v>
      </c>
      <c r="C101" s="11">
        <v>92111000</v>
      </c>
      <c r="D101" s="11">
        <v>218829375.46000001</v>
      </c>
      <c r="E101" s="11">
        <v>66341408.25</v>
      </c>
      <c r="F101" s="11">
        <v>142472320.03999999</v>
      </c>
      <c r="G101" s="11">
        <v>1.1399999999999999</v>
      </c>
      <c r="H101" s="11">
        <v>76357055.420000002</v>
      </c>
      <c r="I101" s="11">
        <v>15623494.640000001</v>
      </c>
      <c r="J101" s="11">
        <v>40865529.700000003</v>
      </c>
      <c r="K101" s="11">
        <v>0.38</v>
      </c>
      <c r="L101" s="11">
        <v>177963845.75999999</v>
      </c>
    </row>
    <row r="102" spans="1:12" x14ac:dyDescent="0.25">
      <c r="A102" s="2" t="s">
        <v>199</v>
      </c>
      <c r="B102" s="4" t="s">
        <v>385</v>
      </c>
      <c r="C102" s="12">
        <v>44872400</v>
      </c>
      <c r="D102" s="12">
        <v>53834389.460000001</v>
      </c>
      <c r="E102" s="12">
        <v>4548301.87</v>
      </c>
      <c r="F102" s="12">
        <v>18992333.899999999</v>
      </c>
      <c r="G102" s="12">
        <v>0.15</v>
      </c>
      <c r="H102" s="12">
        <v>34842055.560000002</v>
      </c>
      <c r="I102" s="12">
        <v>4635844.71</v>
      </c>
      <c r="J102" s="12">
        <v>18289433.359999999</v>
      </c>
      <c r="K102" s="12">
        <v>0.17</v>
      </c>
      <c r="L102" s="12">
        <v>35544956.100000001</v>
      </c>
    </row>
    <row r="103" spans="1:12" x14ac:dyDescent="0.25">
      <c r="A103" s="2" t="s">
        <v>201</v>
      </c>
      <c r="B103" s="4" t="s">
        <v>400</v>
      </c>
      <c r="C103" s="12">
        <v>5000000</v>
      </c>
      <c r="D103" s="12">
        <v>6479200</v>
      </c>
      <c r="E103" s="12">
        <v>542247.89</v>
      </c>
      <c r="F103" s="12">
        <v>4064623.91</v>
      </c>
      <c r="G103" s="12">
        <v>0.03</v>
      </c>
      <c r="H103" s="12">
        <v>2414576.09</v>
      </c>
      <c r="I103" s="12">
        <v>329966.69</v>
      </c>
      <c r="J103" s="12">
        <v>1477635.36</v>
      </c>
      <c r="K103" s="12">
        <v>0.01</v>
      </c>
      <c r="L103" s="12">
        <v>5001564.6399999997</v>
      </c>
    </row>
    <row r="104" spans="1:12" x14ac:dyDescent="0.25">
      <c r="A104" s="2" t="s">
        <v>203</v>
      </c>
      <c r="B104" s="4" t="s">
        <v>440</v>
      </c>
      <c r="C104" s="12">
        <v>37620100</v>
      </c>
      <c r="D104" s="12">
        <v>151489400</v>
      </c>
      <c r="E104" s="12">
        <v>61033143.729999997</v>
      </c>
      <c r="F104" s="12">
        <v>118639856.06</v>
      </c>
      <c r="G104" s="12">
        <v>0.95</v>
      </c>
      <c r="H104" s="12">
        <v>32849543.940000001</v>
      </c>
      <c r="I104" s="12">
        <v>10357086.529999999</v>
      </c>
      <c r="J104" s="12">
        <v>20358304.510000002</v>
      </c>
      <c r="K104" s="12">
        <v>0.19</v>
      </c>
      <c r="L104" s="12">
        <v>131131095.48999999</v>
      </c>
    </row>
    <row r="105" spans="1:12" x14ac:dyDescent="0.25">
      <c r="A105" s="2" t="s">
        <v>205</v>
      </c>
      <c r="B105" s="4" t="s">
        <v>441</v>
      </c>
      <c r="C105" s="12">
        <v>4306500</v>
      </c>
      <c r="D105" s="12">
        <v>6714386</v>
      </c>
      <c r="E105" s="12">
        <v>217714.76</v>
      </c>
      <c r="F105" s="12">
        <v>775506.17</v>
      </c>
      <c r="G105" s="12">
        <v>0.01</v>
      </c>
      <c r="H105" s="12">
        <v>5938879.8300000001</v>
      </c>
      <c r="I105" s="12">
        <v>300596.71000000002</v>
      </c>
      <c r="J105" s="12">
        <v>740156.47</v>
      </c>
      <c r="K105" s="12">
        <v>0.01</v>
      </c>
      <c r="L105" s="12">
        <v>5974229.5300000003</v>
      </c>
    </row>
    <row r="106" spans="1:12" x14ac:dyDescent="0.25">
      <c r="A106" s="2" t="s">
        <v>207</v>
      </c>
      <c r="B106" s="4" t="s">
        <v>442</v>
      </c>
      <c r="C106" s="12">
        <v>212000</v>
      </c>
      <c r="D106" s="12">
        <v>212000</v>
      </c>
      <c r="E106" s="12">
        <v>0</v>
      </c>
      <c r="F106" s="12">
        <v>0</v>
      </c>
      <c r="G106" s="12">
        <v>0</v>
      </c>
      <c r="H106" s="12">
        <v>212000</v>
      </c>
      <c r="I106" s="12">
        <v>0</v>
      </c>
      <c r="J106" s="12">
        <v>0</v>
      </c>
      <c r="K106" s="12">
        <v>0</v>
      </c>
      <c r="L106" s="12">
        <v>212000</v>
      </c>
    </row>
    <row r="107" spans="1:12" x14ac:dyDescent="0.25">
      <c r="A107" s="2" t="s">
        <v>209</v>
      </c>
      <c r="B107" s="4" t="s">
        <v>443</v>
      </c>
      <c r="C107" s="12">
        <v>100000</v>
      </c>
      <c r="D107" s="12">
        <v>100000</v>
      </c>
      <c r="E107" s="12">
        <v>0</v>
      </c>
      <c r="F107" s="12">
        <v>0</v>
      </c>
      <c r="G107" s="12">
        <v>0</v>
      </c>
      <c r="H107" s="12">
        <v>100000</v>
      </c>
      <c r="I107" s="12">
        <v>0</v>
      </c>
      <c r="J107" s="12">
        <v>0</v>
      </c>
      <c r="K107" s="12">
        <v>0</v>
      </c>
      <c r="L107" s="12">
        <v>100000</v>
      </c>
    </row>
    <row r="108" spans="1:12" x14ac:dyDescent="0.25">
      <c r="A108" s="3" t="s">
        <v>211</v>
      </c>
      <c r="B108" s="5" t="s">
        <v>444</v>
      </c>
      <c r="C108" s="11">
        <v>39021400</v>
      </c>
      <c r="D108" s="11">
        <v>40466100</v>
      </c>
      <c r="E108" s="11">
        <v>744408.14</v>
      </c>
      <c r="F108" s="11">
        <v>8273175.2699999996</v>
      </c>
      <c r="G108" s="11">
        <v>7.0000000000000007E-2</v>
      </c>
      <c r="H108" s="11">
        <v>32192924.73</v>
      </c>
      <c r="I108" s="11">
        <v>2539256.5</v>
      </c>
      <c r="J108" s="11">
        <v>7812696.7000000002</v>
      </c>
      <c r="K108" s="11">
        <v>7.0000000000000007E-2</v>
      </c>
      <c r="L108" s="11">
        <v>32653403.300000001</v>
      </c>
    </row>
    <row r="109" spans="1:12" x14ac:dyDescent="0.25">
      <c r="A109" s="2" t="s">
        <v>213</v>
      </c>
      <c r="B109" s="4" t="s">
        <v>386</v>
      </c>
      <c r="C109" s="12">
        <v>200</v>
      </c>
      <c r="D109" s="12">
        <v>200</v>
      </c>
      <c r="E109" s="12">
        <v>0</v>
      </c>
      <c r="F109" s="12">
        <v>0</v>
      </c>
      <c r="G109" s="12">
        <v>0</v>
      </c>
      <c r="H109" s="12">
        <v>200</v>
      </c>
      <c r="I109" s="12">
        <v>0</v>
      </c>
      <c r="J109" s="12">
        <v>0</v>
      </c>
      <c r="K109" s="12">
        <v>0</v>
      </c>
      <c r="L109" s="12">
        <v>200</v>
      </c>
    </row>
    <row r="110" spans="1:12" x14ac:dyDescent="0.25">
      <c r="A110" s="2" t="s">
        <v>215</v>
      </c>
      <c r="B110" s="4" t="s">
        <v>427</v>
      </c>
      <c r="C110" s="12">
        <v>14242500</v>
      </c>
      <c r="D110" s="12">
        <v>14242500</v>
      </c>
      <c r="E110" s="12">
        <v>180575.84</v>
      </c>
      <c r="F110" s="12">
        <v>2067525.68</v>
      </c>
      <c r="G110" s="12">
        <v>0.02</v>
      </c>
      <c r="H110" s="12">
        <v>12174974.32</v>
      </c>
      <c r="I110" s="12">
        <v>180575.84</v>
      </c>
      <c r="J110" s="12">
        <v>2067525.68</v>
      </c>
      <c r="K110" s="12">
        <v>0.02</v>
      </c>
      <c r="L110" s="12">
        <v>12174974.32</v>
      </c>
    </row>
    <row r="111" spans="1:12" x14ac:dyDescent="0.25">
      <c r="A111" s="2" t="s">
        <v>216</v>
      </c>
      <c r="B111" s="4" t="s">
        <v>445</v>
      </c>
      <c r="C111" s="12">
        <v>24778700</v>
      </c>
      <c r="D111" s="12">
        <v>26223400</v>
      </c>
      <c r="E111" s="12">
        <v>563832.30000000005</v>
      </c>
      <c r="F111" s="12">
        <v>6205649.5899999999</v>
      </c>
      <c r="G111" s="12">
        <v>0.05</v>
      </c>
      <c r="H111" s="12">
        <v>20017750.41</v>
      </c>
      <c r="I111" s="12">
        <v>2358680.66</v>
      </c>
      <c r="J111" s="12">
        <v>5745171.0199999996</v>
      </c>
      <c r="K111" s="12">
        <v>0.05</v>
      </c>
      <c r="L111" s="12">
        <v>20478228.98</v>
      </c>
    </row>
    <row r="112" spans="1:12" x14ac:dyDescent="0.25">
      <c r="A112" s="3" t="s">
        <v>217</v>
      </c>
      <c r="B112" s="5" t="s">
        <v>446</v>
      </c>
      <c r="C112" s="11">
        <v>266091900</v>
      </c>
      <c r="D112" s="11">
        <v>288395612</v>
      </c>
      <c r="E112" s="11">
        <v>27800945.420000002</v>
      </c>
      <c r="F112" s="11">
        <v>100282297.48</v>
      </c>
      <c r="G112" s="11">
        <v>0.81</v>
      </c>
      <c r="H112" s="11">
        <v>188113314.52000001</v>
      </c>
      <c r="I112" s="11">
        <v>17207512.300000001</v>
      </c>
      <c r="J112" s="11">
        <v>75449871.060000002</v>
      </c>
      <c r="K112" s="11">
        <v>0.71</v>
      </c>
      <c r="L112" s="11">
        <v>212945740.94</v>
      </c>
    </row>
    <row r="113" spans="1:12" x14ac:dyDescent="0.25">
      <c r="A113" s="2" t="s">
        <v>219</v>
      </c>
      <c r="B113" s="4" t="s">
        <v>385</v>
      </c>
      <c r="C113" s="12">
        <v>121640700</v>
      </c>
      <c r="D113" s="12">
        <v>121982918</v>
      </c>
      <c r="E113" s="12">
        <v>14098843.779999999</v>
      </c>
      <c r="F113" s="12">
        <v>59847517.289999999</v>
      </c>
      <c r="G113" s="12">
        <v>0.48</v>
      </c>
      <c r="H113" s="12">
        <v>62135400.710000001</v>
      </c>
      <c r="I113" s="12">
        <v>14221778.060000001</v>
      </c>
      <c r="J113" s="12">
        <v>58992987.280000001</v>
      </c>
      <c r="K113" s="12">
        <v>0.55000000000000004</v>
      </c>
      <c r="L113" s="12">
        <v>62989930.719999999</v>
      </c>
    </row>
    <row r="114" spans="1:12" x14ac:dyDescent="0.25">
      <c r="A114" s="2" t="s">
        <v>221</v>
      </c>
      <c r="B114" s="4" t="s">
        <v>432</v>
      </c>
      <c r="C114" s="12">
        <v>800</v>
      </c>
      <c r="D114" s="12">
        <v>800</v>
      </c>
      <c r="E114" s="12">
        <v>0</v>
      </c>
      <c r="F114" s="12">
        <v>0</v>
      </c>
      <c r="G114" s="12">
        <v>0</v>
      </c>
      <c r="H114" s="12">
        <v>800</v>
      </c>
      <c r="I114" s="12">
        <v>0</v>
      </c>
      <c r="J114" s="12">
        <v>0</v>
      </c>
      <c r="K114" s="12">
        <v>0</v>
      </c>
      <c r="L114" s="12">
        <v>800</v>
      </c>
    </row>
    <row r="115" spans="1:12" x14ac:dyDescent="0.25">
      <c r="A115" s="2" t="s">
        <v>223</v>
      </c>
      <c r="B115" s="4" t="s">
        <v>440</v>
      </c>
      <c r="C115" s="12">
        <v>100</v>
      </c>
      <c r="D115" s="12">
        <v>10656300</v>
      </c>
      <c r="E115" s="12">
        <v>6899000</v>
      </c>
      <c r="F115" s="12">
        <v>6899000</v>
      </c>
      <c r="G115" s="12">
        <v>0.06</v>
      </c>
      <c r="H115" s="12">
        <v>3757300</v>
      </c>
      <c r="I115" s="12">
        <v>0</v>
      </c>
      <c r="J115" s="12">
        <v>0</v>
      </c>
      <c r="K115" s="12">
        <v>0</v>
      </c>
      <c r="L115" s="12">
        <v>10656300</v>
      </c>
    </row>
    <row r="116" spans="1:12" x14ac:dyDescent="0.25">
      <c r="A116" s="2" t="s">
        <v>226</v>
      </c>
      <c r="B116" s="4" t="s">
        <v>441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</row>
    <row r="117" spans="1:12" x14ac:dyDescent="0.25">
      <c r="A117" s="2" t="s">
        <v>228</v>
      </c>
      <c r="B117" s="4" t="s">
        <v>443</v>
      </c>
      <c r="C117" s="12">
        <v>450000</v>
      </c>
      <c r="D117" s="12">
        <v>452000</v>
      </c>
      <c r="E117" s="12">
        <v>0</v>
      </c>
      <c r="F117" s="12">
        <v>369985.8</v>
      </c>
      <c r="G117" s="12">
        <v>0</v>
      </c>
      <c r="H117" s="12">
        <v>82014.2</v>
      </c>
      <c r="I117" s="12">
        <v>0</v>
      </c>
      <c r="J117" s="12">
        <v>369985.8</v>
      </c>
      <c r="K117" s="12">
        <v>0</v>
      </c>
      <c r="L117" s="12">
        <v>82014.2</v>
      </c>
    </row>
    <row r="118" spans="1:12" x14ac:dyDescent="0.25">
      <c r="A118" s="2" t="s">
        <v>230</v>
      </c>
      <c r="B118" s="4" t="s">
        <v>445</v>
      </c>
      <c r="C118" s="12">
        <v>4598800</v>
      </c>
      <c r="D118" s="12">
        <v>4029400</v>
      </c>
      <c r="E118" s="12">
        <v>9500</v>
      </c>
      <c r="F118" s="12">
        <v>1321432.21</v>
      </c>
      <c r="G118" s="12">
        <v>0.01</v>
      </c>
      <c r="H118" s="12">
        <v>2707967.79</v>
      </c>
      <c r="I118" s="12">
        <v>69687.679999999993</v>
      </c>
      <c r="J118" s="12">
        <v>101925</v>
      </c>
      <c r="K118" s="12">
        <v>0</v>
      </c>
      <c r="L118" s="12">
        <v>3927475</v>
      </c>
    </row>
    <row r="119" spans="1:12" x14ac:dyDescent="0.25">
      <c r="A119" s="2" t="s">
        <v>232</v>
      </c>
      <c r="B119" s="4" t="s">
        <v>447</v>
      </c>
      <c r="C119" s="12">
        <v>100</v>
      </c>
      <c r="D119" s="12">
        <v>100</v>
      </c>
      <c r="E119" s="12">
        <v>0</v>
      </c>
      <c r="F119" s="12">
        <v>0</v>
      </c>
      <c r="G119" s="12">
        <v>0</v>
      </c>
      <c r="H119" s="12">
        <v>100</v>
      </c>
      <c r="I119" s="12">
        <v>0</v>
      </c>
      <c r="J119" s="12">
        <v>0</v>
      </c>
      <c r="K119" s="12">
        <v>0</v>
      </c>
      <c r="L119" s="12">
        <v>100</v>
      </c>
    </row>
    <row r="120" spans="1:12" x14ac:dyDescent="0.25">
      <c r="A120" s="2" t="s">
        <v>234</v>
      </c>
      <c r="B120" s="4" t="s">
        <v>448</v>
      </c>
      <c r="C120" s="12">
        <v>101667800</v>
      </c>
      <c r="D120" s="12">
        <v>109933094</v>
      </c>
      <c r="E120" s="12">
        <v>427165.4</v>
      </c>
      <c r="F120" s="12">
        <v>2456304.27</v>
      </c>
      <c r="G120" s="12">
        <v>0.02</v>
      </c>
      <c r="H120" s="12">
        <v>107476789.73</v>
      </c>
      <c r="I120" s="12">
        <v>144617.29</v>
      </c>
      <c r="J120" s="12">
        <v>1934100.85</v>
      </c>
      <c r="K120" s="12">
        <v>0.02</v>
      </c>
      <c r="L120" s="12">
        <v>107998993.15000001</v>
      </c>
    </row>
    <row r="121" spans="1:12" x14ac:dyDescent="0.25">
      <c r="A121" s="2" t="s">
        <v>236</v>
      </c>
      <c r="B121" s="4" t="s">
        <v>449</v>
      </c>
      <c r="C121" s="12">
        <v>100</v>
      </c>
      <c r="D121" s="12">
        <v>100</v>
      </c>
      <c r="E121" s="12">
        <v>0</v>
      </c>
      <c r="F121" s="12">
        <v>0</v>
      </c>
      <c r="G121" s="12">
        <v>0</v>
      </c>
      <c r="H121" s="12">
        <v>100</v>
      </c>
      <c r="I121" s="12">
        <v>0</v>
      </c>
      <c r="J121" s="12">
        <v>0</v>
      </c>
      <c r="K121" s="12">
        <v>0</v>
      </c>
      <c r="L121" s="12">
        <v>100</v>
      </c>
    </row>
    <row r="122" spans="1:12" x14ac:dyDescent="0.25">
      <c r="A122" s="2" t="s">
        <v>238</v>
      </c>
      <c r="B122" s="4" t="s">
        <v>450</v>
      </c>
      <c r="C122" s="12">
        <v>11000400</v>
      </c>
      <c r="D122" s="12">
        <v>11000400</v>
      </c>
      <c r="E122" s="12">
        <v>2316769.52</v>
      </c>
      <c r="F122" s="12">
        <v>7240655.4800000004</v>
      </c>
      <c r="G122" s="12">
        <v>0.06</v>
      </c>
      <c r="H122" s="12">
        <v>3759744.52</v>
      </c>
      <c r="I122" s="12">
        <v>9344.14</v>
      </c>
      <c r="J122" s="12">
        <v>4929150.42</v>
      </c>
      <c r="K122" s="12">
        <v>0.05</v>
      </c>
      <c r="L122" s="12">
        <v>6071249.5800000001</v>
      </c>
    </row>
    <row r="123" spans="1:12" x14ac:dyDescent="0.25">
      <c r="A123" s="2" t="s">
        <v>240</v>
      </c>
      <c r="B123" s="4" t="s">
        <v>451</v>
      </c>
      <c r="C123" s="12">
        <v>26733000</v>
      </c>
      <c r="D123" s="12">
        <v>30340400</v>
      </c>
      <c r="E123" s="12">
        <v>4049666.72</v>
      </c>
      <c r="F123" s="12">
        <v>22147402.43</v>
      </c>
      <c r="G123" s="12">
        <v>0.18</v>
      </c>
      <c r="H123" s="12">
        <v>8192997.5700000003</v>
      </c>
      <c r="I123" s="12">
        <v>2762085.13</v>
      </c>
      <c r="J123" s="12">
        <v>9121721.7100000009</v>
      </c>
      <c r="K123" s="12">
        <v>0.09</v>
      </c>
      <c r="L123" s="12">
        <v>21218678.289999999</v>
      </c>
    </row>
    <row r="124" spans="1:12" x14ac:dyDescent="0.25">
      <c r="A124" s="3" t="s">
        <v>242</v>
      </c>
      <c r="B124" s="5" t="s">
        <v>452</v>
      </c>
      <c r="C124" s="11">
        <v>10814500</v>
      </c>
      <c r="D124" s="11">
        <v>16986467</v>
      </c>
      <c r="E124" s="11">
        <v>1300510.27</v>
      </c>
      <c r="F124" s="11">
        <v>10012920.890000001</v>
      </c>
      <c r="G124" s="11">
        <v>0.08</v>
      </c>
      <c r="H124" s="11">
        <v>6973546.1100000003</v>
      </c>
      <c r="I124" s="11">
        <v>2334170.6800000002</v>
      </c>
      <c r="J124" s="11">
        <v>8492421.3200000003</v>
      </c>
      <c r="K124" s="11">
        <v>0.08</v>
      </c>
      <c r="L124" s="11">
        <v>8494045.6799999997</v>
      </c>
    </row>
    <row r="125" spans="1:12" x14ac:dyDescent="0.25">
      <c r="A125" s="2" t="s">
        <v>244</v>
      </c>
      <c r="B125" s="4" t="s">
        <v>453</v>
      </c>
      <c r="C125" s="12">
        <v>10814500</v>
      </c>
      <c r="D125" s="12">
        <v>16986467</v>
      </c>
      <c r="E125" s="12">
        <v>1300510.27</v>
      </c>
      <c r="F125" s="12">
        <v>10012920.890000001</v>
      </c>
      <c r="G125" s="12">
        <v>0.08</v>
      </c>
      <c r="H125" s="12">
        <v>6973546.1100000003</v>
      </c>
      <c r="I125" s="12">
        <v>2334170.6800000002</v>
      </c>
      <c r="J125" s="12">
        <v>8492421.3200000003</v>
      </c>
      <c r="K125" s="12">
        <v>0.08</v>
      </c>
      <c r="L125" s="12">
        <v>8494045.6799999997</v>
      </c>
    </row>
    <row r="126" spans="1:12" x14ac:dyDescent="0.25">
      <c r="A126" s="3" t="s">
        <v>246</v>
      </c>
      <c r="B126" s="5" t="s">
        <v>454</v>
      </c>
      <c r="C126" s="11">
        <v>280596400</v>
      </c>
      <c r="D126" s="11">
        <v>284668900</v>
      </c>
      <c r="E126" s="11">
        <v>4646049.3099999996</v>
      </c>
      <c r="F126" s="11">
        <v>50392953.869999997</v>
      </c>
      <c r="G126" s="11">
        <v>0.4</v>
      </c>
      <c r="H126" s="11">
        <v>234275946.13</v>
      </c>
      <c r="I126" s="11">
        <v>6400964.8600000003</v>
      </c>
      <c r="J126" s="11">
        <v>41822775.899999999</v>
      </c>
      <c r="K126" s="11">
        <v>0.39</v>
      </c>
      <c r="L126" s="11">
        <v>242846124.09999999</v>
      </c>
    </row>
    <row r="127" spans="1:12" x14ac:dyDescent="0.25">
      <c r="A127" s="2" t="s">
        <v>248</v>
      </c>
      <c r="B127" s="4" t="s">
        <v>455</v>
      </c>
      <c r="C127" s="12">
        <v>280596400</v>
      </c>
      <c r="D127" s="12">
        <v>284668900</v>
      </c>
      <c r="E127" s="12">
        <v>4646049.3099999996</v>
      </c>
      <c r="F127" s="12">
        <v>50392953.869999997</v>
      </c>
      <c r="G127" s="12">
        <v>0.4</v>
      </c>
      <c r="H127" s="12">
        <v>234275946.13</v>
      </c>
      <c r="I127" s="12">
        <v>6400964.8600000003</v>
      </c>
      <c r="J127" s="12">
        <v>41822775.899999999</v>
      </c>
      <c r="K127" s="12">
        <v>0.39</v>
      </c>
      <c r="L127" s="12">
        <v>242846124.09999999</v>
      </c>
    </row>
    <row r="128" spans="1:12" x14ac:dyDescent="0.25">
      <c r="A128" s="3" t="s">
        <v>250</v>
      </c>
      <c r="B128" s="5" t="s">
        <v>456</v>
      </c>
      <c r="C128" s="11">
        <v>38538400</v>
      </c>
      <c r="D128" s="11">
        <v>40227146</v>
      </c>
      <c r="E128" s="11">
        <v>3013675.28</v>
      </c>
      <c r="F128" s="11">
        <v>12683464.949999999</v>
      </c>
      <c r="G128" s="11">
        <v>0.1</v>
      </c>
      <c r="H128" s="11">
        <v>27543681.050000001</v>
      </c>
      <c r="I128" s="11">
        <v>2711691.15</v>
      </c>
      <c r="J128" s="11">
        <v>11236094.439999999</v>
      </c>
      <c r="K128" s="11">
        <v>0.11</v>
      </c>
      <c r="L128" s="11">
        <v>28991051.559999999</v>
      </c>
    </row>
    <row r="129" spans="1:12" x14ac:dyDescent="0.25">
      <c r="A129" s="2" t="s">
        <v>252</v>
      </c>
      <c r="B129" s="4" t="s">
        <v>457</v>
      </c>
      <c r="C129" s="12">
        <v>11292600</v>
      </c>
      <c r="D129" s="12">
        <v>11518600</v>
      </c>
      <c r="E129" s="12">
        <v>1222399.28</v>
      </c>
      <c r="F129" s="12">
        <v>5052330.67</v>
      </c>
      <c r="G129" s="12">
        <v>0.04</v>
      </c>
      <c r="H129" s="12">
        <v>6466269.3300000001</v>
      </c>
      <c r="I129" s="12">
        <v>1151015.72</v>
      </c>
      <c r="J129" s="12">
        <v>4809611.6500000004</v>
      </c>
      <c r="K129" s="12">
        <v>0.05</v>
      </c>
      <c r="L129" s="12">
        <v>6708988.3499999996</v>
      </c>
    </row>
    <row r="130" spans="1:12" x14ac:dyDescent="0.25">
      <c r="A130" s="2" t="s">
        <v>254</v>
      </c>
      <c r="B130" s="4" t="s">
        <v>458</v>
      </c>
      <c r="C130" s="12">
        <v>100</v>
      </c>
      <c r="D130" s="12">
        <v>100</v>
      </c>
      <c r="E130" s="12">
        <v>0</v>
      </c>
      <c r="F130" s="12">
        <v>0</v>
      </c>
      <c r="G130" s="12">
        <v>0</v>
      </c>
      <c r="H130" s="12">
        <v>100</v>
      </c>
      <c r="I130" s="12">
        <v>0</v>
      </c>
      <c r="J130" s="12">
        <v>0</v>
      </c>
      <c r="K130" s="12">
        <v>0</v>
      </c>
      <c r="L130" s="12">
        <v>100</v>
      </c>
    </row>
    <row r="131" spans="1:12" x14ac:dyDescent="0.25">
      <c r="A131" s="2" t="s">
        <v>256</v>
      </c>
      <c r="B131" s="4" t="s">
        <v>459</v>
      </c>
      <c r="C131" s="12">
        <v>9363200</v>
      </c>
      <c r="D131" s="12">
        <v>9363200</v>
      </c>
      <c r="E131" s="12">
        <v>944165.13</v>
      </c>
      <c r="F131" s="12">
        <v>4630704.74</v>
      </c>
      <c r="G131" s="12">
        <v>0.04</v>
      </c>
      <c r="H131" s="12">
        <v>4732495.26</v>
      </c>
      <c r="I131" s="12">
        <v>962646.87</v>
      </c>
      <c r="J131" s="12">
        <v>4555047.03</v>
      </c>
      <c r="K131" s="12">
        <v>0.04</v>
      </c>
      <c r="L131" s="12">
        <v>4808152.97</v>
      </c>
    </row>
    <row r="132" spans="1:12" x14ac:dyDescent="0.25">
      <c r="A132" s="2" t="s">
        <v>258</v>
      </c>
      <c r="B132" s="4" t="s">
        <v>460</v>
      </c>
      <c r="C132" s="12">
        <v>17882500</v>
      </c>
      <c r="D132" s="12">
        <v>19345246</v>
      </c>
      <c r="E132" s="12">
        <v>847110.87</v>
      </c>
      <c r="F132" s="12">
        <v>3000429.54</v>
      </c>
      <c r="G132" s="12">
        <v>0.02</v>
      </c>
      <c r="H132" s="12">
        <v>16344816.460000001</v>
      </c>
      <c r="I132" s="12">
        <v>598028.56000000006</v>
      </c>
      <c r="J132" s="12">
        <v>1871435.76</v>
      </c>
      <c r="K132" s="12">
        <v>0.02</v>
      </c>
      <c r="L132" s="12">
        <v>17473810.239999998</v>
      </c>
    </row>
    <row r="133" spans="1:12" x14ac:dyDescent="0.25">
      <c r="A133" s="3" t="s">
        <v>260</v>
      </c>
      <c r="B133" s="5" t="s">
        <v>461</v>
      </c>
      <c r="C133" s="11">
        <v>1700</v>
      </c>
      <c r="D133" s="11">
        <v>1700</v>
      </c>
      <c r="E133" s="11">
        <v>0</v>
      </c>
      <c r="F133" s="11">
        <v>0</v>
      </c>
      <c r="G133" s="11">
        <v>0</v>
      </c>
      <c r="H133" s="11">
        <v>1700</v>
      </c>
      <c r="I133" s="11">
        <v>0</v>
      </c>
      <c r="J133" s="11">
        <v>0</v>
      </c>
      <c r="K133" s="11">
        <v>0</v>
      </c>
      <c r="L133" s="11">
        <v>1700</v>
      </c>
    </row>
    <row r="134" spans="1:12" x14ac:dyDescent="0.25">
      <c r="A134" s="2" t="s">
        <v>262</v>
      </c>
      <c r="B134" s="4" t="s">
        <v>462</v>
      </c>
      <c r="C134" s="12">
        <v>1700</v>
      </c>
      <c r="D134" s="12">
        <v>1700</v>
      </c>
      <c r="E134" s="12">
        <v>0</v>
      </c>
      <c r="F134" s="12">
        <v>0</v>
      </c>
      <c r="G134" s="12">
        <v>0</v>
      </c>
      <c r="H134" s="12">
        <v>1700</v>
      </c>
      <c r="I134" s="12">
        <v>0</v>
      </c>
      <c r="J134" s="12">
        <v>0</v>
      </c>
      <c r="K134" s="12">
        <v>0</v>
      </c>
      <c r="L134" s="12">
        <v>1700</v>
      </c>
    </row>
    <row r="135" spans="1:12" x14ac:dyDescent="0.25">
      <c r="A135" s="3" t="s">
        <v>264</v>
      </c>
      <c r="B135" s="5" t="s">
        <v>463</v>
      </c>
      <c r="C135" s="11">
        <v>50000</v>
      </c>
      <c r="D135" s="11">
        <v>3957546</v>
      </c>
      <c r="E135" s="11">
        <v>-1842790.11</v>
      </c>
      <c r="F135" s="11">
        <v>1345278</v>
      </c>
      <c r="G135" s="11">
        <v>0.01</v>
      </c>
      <c r="H135" s="11">
        <v>2612268</v>
      </c>
      <c r="I135" s="11">
        <v>63673.63</v>
      </c>
      <c r="J135" s="11">
        <v>120198.35</v>
      </c>
      <c r="K135" s="11">
        <v>0</v>
      </c>
      <c r="L135" s="11">
        <v>3837347.65</v>
      </c>
    </row>
    <row r="136" spans="1:12" x14ac:dyDescent="0.25">
      <c r="A136" s="2" t="s">
        <v>266</v>
      </c>
      <c r="B136" s="4" t="s">
        <v>464</v>
      </c>
      <c r="C136" s="12">
        <v>20000</v>
      </c>
      <c r="D136" s="12">
        <v>20000</v>
      </c>
      <c r="E136" s="12">
        <v>0</v>
      </c>
      <c r="F136" s="12">
        <v>0</v>
      </c>
      <c r="G136" s="12">
        <v>0</v>
      </c>
      <c r="H136" s="12">
        <v>20000</v>
      </c>
      <c r="I136" s="12">
        <v>0</v>
      </c>
      <c r="J136" s="12">
        <v>0</v>
      </c>
      <c r="K136" s="12">
        <v>0</v>
      </c>
      <c r="L136" s="12">
        <v>20000</v>
      </c>
    </row>
    <row r="137" spans="1:12" x14ac:dyDescent="0.25">
      <c r="A137" s="2" t="s">
        <v>268</v>
      </c>
      <c r="B137" s="4" t="s">
        <v>465</v>
      </c>
      <c r="C137" s="12">
        <v>30000</v>
      </c>
      <c r="D137" s="12">
        <v>3937546</v>
      </c>
      <c r="E137" s="12">
        <v>-1842790.11</v>
      </c>
      <c r="F137" s="12">
        <v>1345278</v>
      </c>
      <c r="G137" s="12">
        <v>0.01</v>
      </c>
      <c r="H137" s="12">
        <v>2592268</v>
      </c>
      <c r="I137" s="12">
        <v>63673.63</v>
      </c>
      <c r="J137" s="12">
        <v>120198.35</v>
      </c>
      <c r="K137" s="12">
        <v>0</v>
      </c>
      <c r="L137" s="12">
        <v>3817347.65</v>
      </c>
    </row>
    <row r="138" spans="1:12" x14ac:dyDescent="0.25">
      <c r="A138" s="3" t="s">
        <v>270</v>
      </c>
      <c r="B138" s="5" t="s">
        <v>466</v>
      </c>
      <c r="C138" s="11">
        <v>1139178000</v>
      </c>
      <c r="D138" s="11">
        <v>2077399092.4200001</v>
      </c>
      <c r="E138" s="11">
        <v>247619821</v>
      </c>
      <c r="F138" s="11">
        <v>1257941240.98</v>
      </c>
      <c r="G138" s="11">
        <v>10.09</v>
      </c>
      <c r="H138" s="11">
        <v>819457851.44000006</v>
      </c>
      <c r="I138" s="11">
        <v>227488612.43000001</v>
      </c>
      <c r="J138" s="11">
        <v>735254082.49000001</v>
      </c>
      <c r="K138" s="11">
        <v>6.9</v>
      </c>
      <c r="L138" s="11">
        <v>1342145009.9300001</v>
      </c>
    </row>
    <row r="139" spans="1:12" x14ac:dyDescent="0.25">
      <c r="A139" s="2" t="s">
        <v>272</v>
      </c>
      <c r="B139" s="4" t="s">
        <v>385</v>
      </c>
      <c r="C139" s="12">
        <v>78154000</v>
      </c>
      <c r="D139" s="12">
        <v>114041073.95999999</v>
      </c>
      <c r="E139" s="12">
        <v>6576702.4699999997</v>
      </c>
      <c r="F139" s="12">
        <v>53728195.380000003</v>
      </c>
      <c r="G139" s="12">
        <v>0.43</v>
      </c>
      <c r="H139" s="12">
        <v>60312878.579999998</v>
      </c>
      <c r="I139" s="12">
        <v>13711579.98</v>
      </c>
      <c r="J139" s="12">
        <v>46479738</v>
      </c>
      <c r="K139" s="12">
        <v>0.44</v>
      </c>
      <c r="L139" s="12">
        <v>67561335.959999993</v>
      </c>
    </row>
    <row r="140" spans="1:12" x14ac:dyDescent="0.25">
      <c r="A140" s="2" t="s">
        <v>274</v>
      </c>
      <c r="B140" s="4" t="s">
        <v>459</v>
      </c>
      <c r="C140" s="12">
        <v>100</v>
      </c>
      <c r="D140" s="12">
        <v>100</v>
      </c>
      <c r="E140" s="12">
        <v>0</v>
      </c>
      <c r="F140" s="12">
        <v>0</v>
      </c>
      <c r="G140" s="12">
        <v>0</v>
      </c>
      <c r="H140" s="12">
        <v>100</v>
      </c>
      <c r="I140" s="12">
        <v>0</v>
      </c>
      <c r="J140" s="12">
        <v>0</v>
      </c>
      <c r="K140" s="12">
        <v>0</v>
      </c>
      <c r="L140" s="12">
        <v>100</v>
      </c>
    </row>
    <row r="141" spans="1:12" x14ac:dyDescent="0.25">
      <c r="A141" s="2" t="s">
        <v>276</v>
      </c>
      <c r="B141" s="4" t="s">
        <v>467</v>
      </c>
      <c r="C141" s="12">
        <v>3845100</v>
      </c>
      <c r="D141" s="12">
        <v>10805390</v>
      </c>
      <c r="E141" s="12">
        <v>358565.72</v>
      </c>
      <c r="F141" s="12">
        <v>6477749.2400000002</v>
      </c>
      <c r="G141" s="12">
        <v>0.05</v>
      </c>
      <c r="H141" s="12">
        <v>4327640.76</v>
      </c>
      <c r="I141" s="12">
        <v>2507853.4900000002</v>
      </c>
      <c r="J141" s="12">
        <v>5727622.9900000002</v>
      </c>
      <c r="K141" s="12">
        <v>0.05</v>
      </c>
      <c r="L141" s="12">
        <v>5077767.01</v>
      </c>
    </row>
    <row r="142" spans="1:12" x14ac:dyDescent="0.25">
      <c r="A142" s="2" t="s">
        <v>278</v>
      </c>
      <c r="B142" s="4" t="s">
        <v>468</v>
      </c>
      <c r="C142" s="12">
        <v>1057176600</v>
      </c>
      <c r="D142" s="12">
        <v>1952550328.46</v>
      </c>
      <c r="E142" s="12">
        <v>240684552.81</v>
      </c>
      <c r="F142" s="12">
        <v>1197735296.3599999</v>
      </c>
      <c r="G142" s="12">
        <v>9.61</v>
      </c>
      <c r="H142" s="12">
        <v>754815032.10000002</v>
      </c>
      <c r="I142" s="12">
        <v>211269178.96000001</v>
      </c>
      <c r="J142" s="12">
        <v>683046721.5</v>
      </c>
      <c r="K142" s="12">
        <v>6.41</v>
      </c>
      <c r="L142" s="12">
        <v>1269503606.96</v>
      </c>
    </row>
    <row r="143" spans="1:12" x14ac:dyDescent="0.25">
      <c r="A143" s="2" t="s">
        <v>280</v>
      </c>
      <c r="B143" s="4" t="s">
        <v>469</v>
      </c>
      <c r="C143" s="12">
        <v>1100</v>
      </c>
      <c r="D143" s="12">
        <v>1100</v>
      </c>
      <c r="E143" s="12">
        <v>0</v>
      </c>
      <c r="F143" s="12">
        <v>0</v>
      </c>
      <c r="G143" s="12">
        <v>0</v>
      </c>
      <c r="H143" s="12">
        <v>1100</v>
      </c>
      <c r="I143" s="12">
        <v>0</v>
      </c>
      <c r="J143" s="12">
        <v>0</v>
      </c>
      <c r="K143" s="12">
        <v>0</v>
      </c>
      <c r="L143" s="12">
        <v>1100</v>
      </c>
    </row>
    <row r="144" spans="1:12" x14ac:dyDescent="0.25">
      <c r="A144" s="2" t="s">
        <v>282</v>
      </c>
      <c r="B144" s="4" t="s">
        <v>470</v>
      </c>
      <c r="C144" s="12">
        <v>1100</v>
      </c>
      <c r="D144" s="12">
        <v>1100</v>
      </c>
      <c r="E144" s="12">
        <v>0</v>
      </c>
      <c r="F144" s="12">
        <v>0</v>
      </c>
      <c r="G144" s="12">
        <v>0</v>
      </c>
      <c r="H144" s="12">
        <v>1100</v>
      </c>
      <c r="I144" s="12">
        <v>0</v>
      </c>
      <c r="J144" s="12">
        <v>0</v>
      </c>
      <c r="K144" s="12">
        <v>0</v>
      </c>
      <c r="L144" s="12">
        <v>1100</v>
      </c>
    </row>
    <row r="145" spans="1:12" x14ac:dyDescent="0.25">
      <c r="A145" s="3" t="s">
        <v>284</v>
      </c>
      <c r="B145" s="5" t="s">
        <v>471</v>
      </c>
      <c r="C145" s="11">
        <v>32538700</v>
      </c>
      <c r="D145" s="11">
        <v>47043846.520000003</v>
      </c>
      <c r="E145" s="11">
        <v>2812888.28</v>
      </c>
      <c r="F145" s="11">
        <v>9968825.2400000002</v>
      </c>
      <c r="G145" s="11">
        <v>0.08</v>
      </c>
      <c r="H145" s="11">
        <v>37075021.280000001</v>
      </c>
      <c r="I145" s="11">
        <v>1794279.54</v>
      </c>
      <c r="J145" s="11">
        <v>5399966.5800000001</v>
      </c>
      <c r="K145" s="11">
        <v>0.04</v>
      </c>
      <c r="L145" s="11">
        <v>41643879.939999998</v>
      </c>
    </row>
    <row r="146" spans="1:12" x14ac:dyDescent="0.25">
      <c r="A146" s="2" t="s">
        <v>286</v>
      </c>
      <c r="B146" s="4" t="s">
        <v>385</v>
      </c>
      <c r="C146" s="12">
        <v>1795800</v>
      </c>
      <c r="D146" s="12">
        <v>10013800</v>
      </c>
      <c r="E146" s="12">
        <v>1466709.88</v>
      </c>
      <c r="F146" s="12">
        <v>3990607.62</v>
      </c>
      <c r="G146" s="12">
        <v>0.03</v>
      </c>
      <c r="H146" s="12">
        <v>6023192.3799999999</v>
      </c>
      <c r="I146" s="12">
        <v>692589.14</v>
      </c>
      <c r="J146" s="12">
        <v>1505555.73</v>
      </c>
      <c r="K146" s="12">
        <v>0.01</v>
      </c>
      <c r="L146" s="12">
        <v>8508244.2699999996</v>
      </c>
    </row>
    <row r="147" spans="1:12" x14ac:dyDescent="0.25">
      <c r="A147" s="2" t="s">
        <v>288</v>
      </c>
      <c r="B147" s="4" t="s">
        <v>472</v>
      </c>
      <c r="C147" s="12">
        <v>24921200</v>
      </c>
      <c r="D147" s="12">
        <v>31453200</v>
      </c>
      <c r="E147" s="12">
        <v>698888</v>
      </c>
      <c r="F147" s="12">
        <v>3515378.28</v>
      </c>
      <c r="G147" s="12">
        <v>0.03</v>
      </c>
      <c r="H147" s="12">
        <v>27937821.719999999</v>
      </c>
      <c r="I147" s="12">
        <v>454400</v>
      </c>
      <c r="J147" s="12">
        <v>1434390.28</v>
      </c>
      <c r="K147" s="12">
        <v>0.01</v>
      </c>
      <c r="L147" s="12">
        <v>30018809.719999999</v>
      </c>
    </row>
    <row r="148" spans="1:12" x14ac:dyDescent="0.25">
      <c r="A148" s="2" t="s">
        <v>290</v>
      </c>
      <c r="B148" s="4" t="s">
        <v>473</v>
      </c>
      <c r="C148" s="12">
        <v>5821700</v>
      </c>
      <c r="D148" s="12">
        <v>5576846.5199999996</v>
      </c>
      <c r="E148" s="12">
        <v>647290.4</v>
      </c>
      <c r="F148" s="12">
        <v>2462839.34</v>
      </c>
      <c r="G148" s="12">
        <v>0.02</v>
      </c>
      <c r="H148" s="12">
        <v>3114007.18</v>
      </c>
      <c r="I148" s="12">
        <v>647290.4</v>
      </c>
      <c r="J148" s="12">
        <v>2460020.5699999998</v>
      </c>
      <c r="K148" s="12">
        <v>0.02</v>
      </c>
      <c r="L148" s="12">
        <v>3116825.95</v>
      </c>
    </row>
    <row r="149" spans="1:12" x14ac:dyDescent="0.25">
      <c r="A149" s="3" t="s">
        <v>292</v>
      </c>
      <c r="B149" s="5" t="s">
        <v>474</v>
      </c>
      <c r="C149" s="11">
        <v>933563100</v>
      </c>
      <c r="D149" s="11">
        <v>765623380.13999999</v>
      </c>
      <c r="E149" s="11">
        <v>124389209.23</v>
      </c>
      <c r="F149" s="11">
        <v>536316806.66000003</v>
      </c>
      <c r="G149" s="11">
        <v>4.3099999999999996</v>
      </c>
      <c r="H149" s="11">
        <v>229306573.47999999</v>
      </c>
      <c r="I149" s="11">
        <v>125184438.31</v>
      </c>
      <c r="J149" s="11">
        <v>533394510.66000003</v>
      </c>
      <c r="K149" s="11">
        <v>5.01</v>
      </c>
      <c r="L149" s="11">
        <v>232228869.47999999</v>
      </c>
    </row>
    <row r="150" spans="1:12" x14ac:dyDescent="0.25">
      <c r="A150" s="2" t="s">
        <v>294</v>
      </c>
      <c r="B150" s="4" t="s">
        <v>475</v>
      </c>
      <c r="C150" s="12">
        <v>394903000</v>
      </c>
      <c r="D150" s="12">
        <v>250565323</v>
      </c>
      <c r="E150" s="12">
        <v>61298132.119999997</v>
      </c>
      <c r="F150" s="12">
        <v>214993581.91999999</v>
      </c>
      <c r="G150" s="12">
        <v>1.72</v>
      </c>
      <c r="H150" s="12">
        <v>35571741.079999998</v>
      </c>
      <c r="I150" s="12">
        <v>61298132.119999997</v>
      </c>
      <c r="J150" s="12">
        <v>214993581.91999999</v>
      </c>
      <c r="K150" s="12">
        <v>2.02</v>
      </c>
      <c r="L150" s="12">
        <v>35571741.079999998</v>
      </c>
    </row>
    <row r="151" spans="1:12" x14ac:dyDescent="0.25">
      <c r="A151" s="2" t="s">
        <v>296</v>
      </c>
      <c r="B151" s="4" t="s">
        <v>408</v>
      </c>
      <c r="C151" s="12">
        <v>204500100</v>
      </c>
      <c r="D151" s="12">
        <v>135647625</v>
      </c>
      <c r="E151" s="12">
        <v>25968594.059999999</v>
      </c>
      <c r="F151" s="12">
        <v>95580272.909999996</v>
      </c>
      <c r="G151" s="12">
        <v>0.77</v>
      </c>
      <c r="H151" s="12">
        <v>40067352.090000004</v>
      </c>
      <c r="I151" s="12">
        <v>25968594.059999999</v>
      </c>
      <c r="J151" s="12">
        <v>95580272.909999996</v>
      </c>
      <c r="K151" s="12">
        <v>0.9</v>
      </c>
      <c r="L151" s="12">
        <v>40067352.090000004</v>
      </c>
    </row>
    <row r="152" spans="1:12" x14ac:dyDescent="0.25">
      <c r="A152" s="2" t="s">
        <v>298</v>
      </c>
      <c r="B152" s="4" t="s">
        <v>476</v>
      </c>
      <c r="C152" s="12">
        <v>217000000</v>
      </c>
      <c r="D152" s="12">
        <v>165749765</v>
      </c>
      <c r="E152" s="12">
        <v>692461</v>
      </c>
      <c r="F152" s="12">
        <v>75464198.189999998</v>
      </c>
      <c r="G152" s="12">
        <v>0.61</v>
      </c>
      <c r="H152" s="12">
        <v>90285566.810000002</v>
      </c>
      <c r="I152" s="12">
        <v>692461</v>
      </c>
      <c r="J152" s="12">
        <v>75464198.180000007</v>
      </c>
      <c r="K152" s="12">
        <v>0.71</v>
      </c>
      <c r="L152" s="12">
        <v>90285566.819999993</v>
      </c>
    </row>
    <row r="153" spans="1:12" x14ac:dyDescent="0.25">
      <c r="A153" s="2" t="s">
        <v>300</v>
      </c>
      <c r="B153" s="4" t="s">
        <v>477</v>
      </c>
      <c r="C153" s="12">
        <v>33522500</v>
      </c>
      <c r="D153" s="12">
        <v>33522500</v>
      </c>
      <c r="E153" s="12">
        <v>5520948.4800000004</v>
      </c>
      <c r="F153" s="12">
        <v>24804084.43</v>
      </c>
      <c r="G153" s="12">
        <v>0.2</v>
      </c>
      <c r="H153" s="12">
        <v>8718415.5700000003</v>
      </c>
      <c r="I153" s="12">
        <v>5520948.4800000004</v>
      </c>
      <c r="J153" s="12">
        <v>24804084.43</v>
      </c>
      <c r="K153" s="12">
        <v>0.23</v>
      </c>
      <c r="L153" s="12">
        <v>8718415.5700000003</v>
      </c>
    </row>
    <row r="154" spans="1:12" x14ac:dyDescent="0.25">
      <c r="A154" s="2" t="s">
        <v>302</v>
      </c>
      <c r="B154" s="4" t="s">
        <v>382</v>
      </c>
      <c r="C154" s="12">
        <v>83637500</v>
      </c>
      <c r="D154" s="12">
        <v>180138167.13999999</v>
      </c>
      <c r="E154" s="12">
        <v>30909073.57</v>
      </c>
      <c r="F154" s="12">
        <v>125474669.20999999</v>
      </c>
      <c r="G154" s="12">
        <v>1.01</v>
      </c>
      <c r="H154" s="12">
        <v>54663497.93</v>
      </c>
      <c r="I154" s="12">
        <v>31704302.649999999</v>
      </c>
      <c r="J154" s="12">
        <v>122552373.22</v>
      </c>
      <c r="K154" s="12">
        <v>1.1499999999999999</v>
      </c>
      <c r="L154" s="12">
        <v>57585793.920000002</v>
      </c>
    </row>
    <row r="155" spans="1:12" x14ac:dyDescent="0.25">
      <c r="A155" s="3" t="s">
        <v>304</v>
      </c>
      <c r="B155" s="5" t="s">
        <v>478</v>
      </c>
      <c r="C155" s="11">
        <v>134138000</v>
      </c>
      <c r="D155" s="11">
        <v>45214127</v>
      </c>
      <c r="E155" s="11">
        <v>0</v>
      </c>
      <c r="F155" s="11">
        <v>0</v>
      </c>
      <c r="G155" s="11">
        <v>0</v>
      </c>
      <c r="H155" s="11">
        <v>45214127</v>
      </c>
      <c r="I155" s="11">
        <v>0</v>
      </c>
      <c r="J155" s="11">
        <v>0</v>
      </c>
      <c r="K155" s="11">
        <v>0</v>
      </c>
      <c r="L155" s="11">
        <v>45214127</v>
      </c>
    </row>
    <row r="156" spans="1:12" x14ac:dyDescent="0.25">
      <c r="A156" s="2" t="s">
        <v>306</v>
      </c>
      <c r="B156" s="4" t="s">
        <v>479</v>
      </c>
      <c r="C156" s="12">
        <v>134138000</v>
      </c>
      <c r="D156" s="12">
        <v>45214127</v>
      </c>
      <c r="E156" s="12">
        <v>0</v>
      </c>
      <c r="F156" s="12">
        <v>0</v>
      </c>
      <c r="G156" s="12">
        <v>0</v>
      </c>
      <c r="H156" s="12">
        <v>45214127</v>
      </c>
      <c r="I156" s="12">
        <v>0</v>
      </c>
      <c r="J156" s="12">
        <v>0</v>
      </c>
      <c r="K156" s="12">
        <v>0</v>
      </c>
      <c r="L156" s="12">
        <v>45214127</v>
      </c>
    </row>
    <row r="157" spans="1:12" x14ac:dyDescent="0.25">
      <c r="A157" s="3" t="s">
        <v>308</v>
      </c>
      <c r="B157" s="5" t="s">
        <v>480</v>
      </c>
      <c r="C157" s="11">
        <v>1773627600</v>
      </c>
      <c r="D157" s="11">
        <v>1962925229.8</v>
      </c>
      <c r="E157" s="11">
        <v>304034288.63</v>
      </c>
      <c r="F157" s="11">
        <v>1390225110.8800001</v>
      </c>
      <c r="G157" s="11">
        <v>11.14</v>
      </c>
      <c r="H157" s="11">
        <v>572700118.91999996</v>
      </c>
      <c r="I157" s="11">
        <v>330353782.64999998</v>
      </c>
      <c r="J157" s="11">
        <v>1328628518.04</v>
      </c>
      <c r="K157" s="11">
        <v>12.48</v>
      </c>
      <c r="L157" s="11">
        <v>634296711.75999999</v>
      </c>
    </row>
    <row r="158" spans="1:12" x14ac:dyDescent="0.25">
      <c r="A158" s="3" t="s">
        <v>310</v>
      </c>
      <c r="B158" s="5" t="s">
        <v>379</v>
      </c>
      <c r="C158" s="11">
        <v>111950000</v>
      </c>
      <c r="D158" s="11">
        <v>111950000</v>
      </c>
      <c r="E158" s="11">
        <v>16255404.17</v>
      </c>
      <c r="F158" s="11">
        <v>64708675.359999999</v>
      </c>
      <c r="G158" s="11">
        <v>0.52</v>
      </c>
      <c r="H158" s="11">
        <v>47241324.640000001</v>
      </c>
      <c r="I158" s="11">
        <v>16255404.17</v>
      </c>
      <c r="J158" s="11">
        <v>64708675.359999999</v>
      </c>
      <c r="K158" s="11">
        <v>0.61</v>
      </c>
      <c r="L158" s="11">
        <v>47241324.640000001</v>
      </c>
    </row>
    <row r="159" spans="1:12" x14ac:dyDescent="0.25">
      <c r="A159" s="2" t="s">
        <v>312</v>
      </c>
      <c r="B159" s="4" t="s">
        <v>380</v>
      </c>
      <c r="C159" s="12">
        <v>51350000</v>
      </c>
      <c r="D159" s="12">
        <v>51350000</v>
      </c>
      <c r="E159" s="12">
        <v>7395450.4299999997</v>
      </c>
      <c r="F159" s="12">
        <v>29611639.59</v>
      </c>
      <c r="G159" s="12">
        <v>0.24</v>
      </c>
      <c r="H159" s="12">
        <v>21738360.41</v>
      </c>
      <c r="I159" s="12">
        <v>7395450.4299999997</v>
      </c>
      <c r="J159" s="12">
        <v>29611639.59</v>
      </c>
      <c r="K159" s="12">
        <v>0.28000000000000003</v>
      </c>
      <c r="L159" s="12">
        <v>21738360.41</v>
      </c>
    </row>
    <row r="160" spans="1:12" x14ac:dyDescent="0.25">
      <c r="A160" s="2" t="s">
        <v>314</v>
      </c>
      <c r="B160" s="4" t="s">
        <v>381</v>
      </c>
      <c r="C160" s="12">
        <v>60600000</v>
      </c>
      <c r="D160" s="12">
        <v>60600000</v>
      </c>
      <c r="E160" s="12">
        <v>8859953.7400000002</v>
      </c>
      <c r="F160" s="12">
        <v>35097035.770000003</v>
      </c>
      <c r="G160" s="12">
        <v>0.28000000000000003</v>
      </c>
      <c r="H160" s="12">
        <v>25502964.23</v>
      </c>
      <c r="I160" s="12">
        <v>8859953.7400000002</v>
      </c>
      <c r="J160" s="12">
        <v>35097035.770000003</v>
      </c>
      <c r="K160" s="12">
        <v>0.33</v>
      </c>
      <c r="L160" s="12">
        <v>25502964.23</v>
      </c>
    </row>
    <row r="161" spans="1:12" x14ac:dyDescent="0.25">
      <c r="A161" s="3" t="s">
        <v>316</v>
      </c>
      <c r="B161" s="5" t="s">
        <v>383</v>
      </c>
      <c r="C161" s="11">
        <v>176151000</v>
      </c>
      <c r="D161" s="11">
        <v>173859800</v>
      </c>
      <c r="E161" s="11">
        <v>0</v>
      </c>
      <c r="F161" s="11">
        <v>171408000</v>
      </c>
      <c r="G161" s="11">
        <v>1.38</v>
      </c>
      <c r="H161" s="11">
        <v>2451800</v>
      </c>
      <c r="I161" s="11">
        <v>26229407.629999999</v>
      </c>
      <c r="J161" s="11">
        <v>109876085.65000001</v>
      </c>
      <c r="K161" s="11">
        <v>1.03</v>
      </c>
      <c r="L161" s="11">
        <v>63983714.350000001</v>
      </c>
    </row>
    <row r="162" spans="1:12" x14ac:dyDescent="0.25">
      <c r="A162" s="2" t="s">
        <v>318</v>
      </c>
      <c r="B162" s="4" t="s">
        <v>385</v>
      </c>
      <c r="C162" s="12">
        <v>176151000</v>
      </c>
      <c r="D162" s="12">
        <v>173859800</v>
      </c>
      <c r="E162" s="12">
        <v>0</v>
      </c>
      <c r="F162" s="12">
        <v>171408000</v>
      </c>
      <c r="G162" s="12">
        <v>1.38</v>
      </c>
      <c r="H162" s="12">
        <v>2451800</v>
      </c>
      <c r="I162" s="12">
        <v>26229407.629999999</v>
      </c>
      <c r="J162" s="12">
        <v>109876085.65000001</v>
      </c>
      <c r="K162" s="12">
        <v>1.03</v>
      </c>
      <c r="L162" s="12">
        <v>63983714.350000001</v>
      </c>
    </row>
    <row r="163" spans="1:12" x14ac:dyDescent="0.25">
      <c r="A163" s="3" t="s">
        <v>320</v>
      </c>
      <c r="B163" s="5" t="s">
        <v>389</v>
      </c>
      <c r="C163" s="11">
        <v>100710600</v>
      </c>
      <c r="D163" s="11">
        <v>103389032.95999999</v>
      </c>
      <c r="E163" s="11">
        <v>14314686.41</v>
      </c>
      <c r="F163" s="11">
        <v>57242865.549999997</v>
      </c>
      <c r="G163" s="11">
        <v>0.46</v>
      </c>
      <c r="H163" s="11">
        <v>46146167.409999996</v>
      </c>
      <c r="I163" s="11">
        <v>14314686.41</v>
      </c>
      <c r="J163" s="11">
        <v>57242865.549999997</v>
      </c>
      <c r="K163" s="11">
        <v>0.53</v>
      </c>
      <c r="L163" s="11">
        <v>46146167.409999996</v>
      </c>
    </row>
    <row r="164" spans="1:12" x14ac:dyDescent="0.25">
      <c r="A164" s="2" t="s">
        <v>322</v>
      </c>
      <c r="B164" s="4" t="s">
        <v>390</v>
      </c>
      <c r="C164" s="12">
        <v>53703600</v>
      </c>
      <c r="D164" s="12">
        <v>53633600</v>
      </c>
      <c r="E164" s="12">
        <v>7561325.75</v>
      </c>
      <c r="F164" s="12">
        <v>30210773.149999999</v>
      </c>
      <c r="G164" s="12">
        <v>0.24</v>
      </c>
      <c r="H164" s="12">
        <v>23422826.850000001</v>
      </c>
      <c r="I164" s="12">
        <v>7561325.75</v>
      </c>
      <c r="J164" s="12">
        <v>30210773.149999999</v>
      </c>
      <c r="K164" s="12">
        <v>0.28000000000000003</v>
      </c>
      <c r="L164" s="12">
        <v>23422826.850000001</v>
      </c>
    </row>
    <row r="165" spans="1:12" x14ac:dyDescent="0.25">
      <c r="A165" s="2" t="s">
        <v>324</v>
      </c>
      <c r="B165" s="4" t="s">
        <v>391</v>
      </c>
      <c r="C165" s="12">
        <v>16622000</v>
      </c>
      <c r="D165" s="12">
        <v>16622000</v>
      </c>
      <c r="E165" s="12">
        <v>2210071.35</v>
      </c>
      <c r="F165" s="12">
        <v>8816997.3599999994</v>
      </c>
      <c r="G165" s="12">
        <v>7.0000000000000007E-2</v>
      </c>
      <c r="H165" s="12">
        <v>7805002.6399999997</v>
      </c>
      <c r="I165" s="12">
        <v>2210071.35</v>
      </c>
      <c r="J165" s="12">
        <v>8816997.3599999994</v>
      </c>
      <c r="K165" s="12">
        <v>0.08</v>
      </c>
      <c r="L165" s="12">
        <v>7805002.6399999997</v>
      </c>
    </row>
    <row r="166" spans="1:12" x14ac:dyDescent="0.25">
      <c r="A166" s="2" t="s">
        <v>326</v>
      </c>
      <c r="B166" s="4" t="s">
        <v>387</v>
      </c>
      <c r="C166" s="12">
        <v>5000</v>
      </c>
      <c r="D166" s="12">
        <v>500</v>
      </c>
      <c r="E166" s="12">
        <v>0</v>
      </c>
      <c r="F166" s="12">
        <v>0</v>
      </c>
      <c r="G166" s="12">
        <v>0</v>
      </c>
      <c r="H166" s="12">
        <v>500</v>
      </c>
      <c r="I166" s="12">
        <v>0</v>
      </c>
      <c r="J166" s="12">
        <v>0</v>
      </c>
      <c r="K166" s="12">
        <v>0</v>
      </c>
      <c r="L166" s="12">
        <v>500</v>
      </c>
    </row>
    <row r="167" spans="1:12" x14ac:dyDescent="0.25">
      <c r="A167" s="2" t="s">
        <v>328</v>
      </c>
      <c r="B167" s="4" t="s">
        <v>392</v>
      </c>
      <c r="C167" s="12">
        <v>30380000</v>
      </c>
      <c r="D167" s="12">
        <v>33132932.960000001</v>
      </c>
      <c r="E167" s="12">
        <v>4543289.3099999996</v>
      </c>
      <c r="F167" s="12">
        <v>18215095.039999999</v>
      </c>
      <c r="G167" s="12">
        <v>0.15</v>
      </c>
      <c r="H167" s="12">
        <v>14917837.92</v>
      </c>
      <c r="I167" s="12">
        <v>4543289.3099999996</v>
      </c>
      <c r="J167" s="12">
        <v>18215095.039999999</v>
      </c>
      <c r="K167" s="12">
        <v>0.17</v>
      </c>
      <c r="L167" s="12">
        <v>14917837.92</v>
      </c>
    </row>
    <row r="168" spans="1:12" x14ac:dyDescent="0.25">
      <c r="A168" s="3" t="s">
        <v>329</v>
      </c>
      <c r="B168" s="5" t="s">
        <v>393</v>
      </c>
      <c r="C168" s="11">
        <v>300665700</v>
      </c>
      <c r="D168" s="11">
        <v>353374802.25</v>
      </c>
      <c r="E168" s="11">
        <v>61341772.399999999</v>
      </c>
      <c r="F168" s="11">
        <v>235150213.87</v>
      </c>
      <c r="G168" s="11">
        <v>1.88</v>
      </c>
      <c r="H168" s="11">
        <v>118224588.38</v>
      </c>
      <c r="I168" s="11">
        <v>61337154.210000001</v>
      </c>
      <c r="J168" s="11">
        <v>235139541.13999999</v>
      </c>
      <c r="K168" s="11">
        <v>2.21</v>
      </c>
      <c r="L168" s="11">
        <v>118235261.11</v>
      </c>
    </row>
    <row r="169" spans="1:12" x14ac:dyDescent="0.25">
      <c r="A169" s="2" t="s">
        <v>330</v>
      </c>
      <c r="B169" s="4" t="s">
        <v>385</v>
      </c>
      <c r="C169" s="12">
        <v>296232700</v>
      </c>
      <c r="D169" s="12">
        <v>348846609.5</v>
      </c>
      <c r="E169" s="12">
        <v>60860765.689999998</v>
      </c>
      <c r="F169" s="12">
        <v>233229782.33000001</v>
      </c>
      <c r="G169" s="12">
        <v>1.87</v>
      </c>
      <c r="H169" s="12">
        <v>115616827.17</v>
      </c>
      <c r="I169" s="12">
        <v>60860765.880000003</v>
      </c>
      <c r="J169" s="12">
        <v>233229782.33000001</v>
      </c>
      <c r="K169" s="12">
        <v>2.19</v>
      </c>
      <c r="L169" s="12">
        <v>115616827.17</v>
      </c>
    </row>
    <row r="170" spans="1:12" x14ac:dyDescent="0.25">
      <c r="A170" s="2" t="s">
        <v>331</v>
      </c>
      <c r="B170" s="4" t="s">
        <v>394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  <c r="J170" s="12">
        <v>0</v>
      </c>
      <c r="K170" s="12">
        <v>0</v>
      </c>
      <c r="L170" s="12">
        <v>0</v>
      </c>
    </row>
    <row r="171" spans="1:12" x14ac:dyDescent="0.25">
      <c r="A171" s="2" t="s">
        <v>332</v>
      </c>
      <c r="B171" s="4" t="s">
        <v>395</v>
      </c>
      <c r="C171" s="12">
        <v>4238000</v>
      </c>
      <c r="D171" s="12">
        <v>4175292.75</v>
      </c>
      <c r="E171" s="12">
        <v>460032.7</v>
      </c>
      <c r="F171" s="12">
        <v>1826999.37</v>
      </c>
      <c r="G171" s="12">
        <v>0.01</v>
      </c>
      <c r="H171" s="12">
        <v>2348293.38</v>
      </c>
      <c r="I171" s="12">
        <v>460032.7</v>
      </c>
      <c r="J171" s="12">
        <v>1826999.37</v>
      </c>
      <c r="K171" s="12">
        <v>0.02</v>
      </c>
      <c r="L171" s="12">
        <v>2348293.38</v>
      </c>
    </row>
    <row r="172" spans="1:12" x14ac:dyDescent="0.25">
      <c r="A172" s="2" t="s">
        <v>333</v>
      </c>
      <c r="B172" s="4" t="s">
        <v>397</v>
      </c>
      <c r="C172" s="12">
        <v>195000</v>
      </c>
      <c r="D172" s="12">
        <v>352900</v>
      </c>
      <c r="E172" s="12">
        <v>20974.01</v>
      </c>
      <c r="F172" s="12">
        <v>93432.17</v>
      </c>
      <c r="G172" s="12">
        <v>0</v>
      </c>
      <c r="H172" s="12">
        <v>259467.83</v>
      </c>
      <c r="I172" s="12">
        <v>16355.63</v>
      </c>
      <c r="J172" s="12">
        <v>82759.44</v>
      </c>
      <c r="K172" s="12">
        <v>0</v>
      </c>
      <c r="L172" s="12">
        <v>270140.56</v>
      </c>
    </row>
    <row r="173" spans="1:12" x14ac:dyDescent="0.25">
      <c r="A173" s="3" t="s">
        <v>334</v>
      </c>
      <c r="B173" s="5" t="s">
        <v>399</v>
      </c>
      <c r="C173" s="11">
        <v>227976000</v>
      </c>
      <c r="D173" s="11">
        <v>357791200</v>
      </c>
      <c r="E173" s="11">
        <v>36767095.539999999</v>
      </c>
      <c r="F173" s="11">
        <v>146607387.75</v>
      </c>
      <c r="G173" s="11">
        <v>1.18</v>
      </c>
      <c r="H173" s="11">
        <v>211183812.25</v>
      </c>
      <c r="I173" s="11">
        <v>36876572.560000002</v>
      </c>
      <c r="J173" s="11">
        <v>146603912.36000001</v>
      </c>
      <c r="K173" s="11">
        <v>1.38</v>
      </c>
      <c r="L173" s="11">
        <v>211187287.63999999</v>
      </c>
    </row>
    <row r="174" spans="1:12" x14ac:dyDescent="0.25">
      <c r="A174" s="2" t="s">
        <v>335</v>
      </c>
      <c r="B174" s="4" t="s">
        <v>385</v>
      </c>
      <c r="C174" s="12">
        <v>227976000</v>
      </c>
      <c r="D174" s="12">
        <v>357791200</v>
      </c>
      <c r="E174" s="12">
        <v>36767095.539999999</v>
      </c>
      <c r="F174" s="12">
        <v>146607387.75</v>
      </c>
      <c r="G174" s="12">
        <v>1.18</v>
      </c>
      <c r="H174" s="12">
        <v>211183812.25</v>
      </c>
      <c r="I174" s="12">
        <v>36876572.560000002</v>
      </c>
      <c r="J174" s="12">
        <v>146603912.36000001</v>
      </c>
      <c r="K174" s="12">
        <v>1.38</v>
      </c>
      <c r="L174" s="12">
        <v>211187287.63999999</v>
      </c>
    </row>
    <row r="175" spans="1:12" x14ac:dyDescent="0.25">
      <c r="A175" s="2" t="s">
        <v>336</v>
      </c>
      <c r="B175" s="4" t="s">
        <v>400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  <c r="J175" s="12">
        <v>0</v>
      </c>
      <c r="K175" s="12">
        <v>0</v>
      </c>
      <c r="L175" s="12">
        <v>0</v>
      </c>
    </row>
    <row r="176" spans="1:12" x14ac:dyDescent="0.25">
      <c r="A176" s="3" t="s">
        <v>338</v>
      </c>
      <c r="B176" s="5" t="s">
        <v>404</v>
      </c>
      <c r="C176" s="11">
        <v>9100000</v>
      </c>
      <c r="D176" s="11">
        <v>16956000</v>
      </c>
      <c r="E176" s="11">
        <v>1277016.28</v>
      </c>
      <c r="F176" s="11">
        <v>5112107.24</v>
      </c>
      <c r="G176" s="11">
        <v>0.04</v>
      </c>
      <c r="H176" s="11">
        <v>11843892.76</v>
      </c>
      <c r="I176" s="11">
        <v>1277016.28</v>
      </c>
      <c r="J176" s="11">
        <v>5112107.24</v>
      </c>
      <c r="K176" s="11">
        <v>0.05</v>
      </c>
      <c r="L176" s="11">
        <v>11843892.76</v>
      </c>
    </row>
    <row r="177" spans="1:12" x14ac:dyDescent="0.25">
      <c r="A177" s="2" t="s">
        <v>340</v>
      </c>
      <c r="B177" s="4" t="s">
        <v>385</v>
      </c>
      <c r="C177" s="12">
        <v>9100000</v>
      </c>
      <c r="D177" s="12">
        <v>16956000</v>
      </c>
      <c r="E177" s="12">
        <v>1277016.28</v>
      </c>
      <c r="F177" s="12">
        <v>5112107.24</v>
      </c>
      <c r="G177" s="12">
        <v>0.04</v>
      </c>
      <c r="H177" s="12">
        <v>11843892.76</v>
      </c>
      <c r="I177" s="12">
        <v>1277016.28</v>
      </c>
      <c r="J177" s="12">
        <v>5112107.24</v>
      </c>
      <c r="K177" s="12">
        <v>0.05</v>
      </c>
      <c r="L177" s="12">
        <v>11843892.76</v>
      </c>
    </row>
    <row r="178" spans="1:12" x14ac:dyDescent="0.25">
      <c r="A178" s="2" t="s">
        <v>342</v>
      </c>
      <c r="B178" s="4" t="s">
        <v>406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</row>
    <row r="179" spans="1:12" x14ac:dyDescent="0.25">
      <c r="A179" s="3" t="s">
        <v>344</v>
      </c>
      <c r="B179" s="5" t="s">
        <v>410</v>
      </c>
      <c r="C179" s="11">
        <v>4947600</v>
      </c>
      <c r="D179" s="11">
        <v>69680743.280000001</v>
      </c>
      <c r="E179" s="11">
        <v>15735202.93</v>
      </c>
      <c r="F179" s="11">
        <v>60639542.159999996</v>
      </c>
      <c r="G179" s="11">
        <v>0.49</v>
      </c>
      <c r="H179" s="11">
        <v>9041201.1199999992</v>
      </c>
      <c r="I179" s="11">
        <v>15717001.130000001</v>
      </c>
      <c r="J179" s="11">
        <v>60621340.359999999</v>
      </c>
      <c r="K179" s="11">
        <v>0.56999999999999995</v>
      </c>
      <c r="L179" s="11">
        <v>9059402.9199999999</v>
      </c>
    </row>
    <row r="180" spans="1:12" x14ac:dyDescent="0.25">
      <c r="A180" s="2" t="s">
        <v>347</v>
      </c>
      <c r="B180" s="4" t="s">
        <v>385</v>
      </c>
      <c r="C180" s="12">
        <v>0</v>
      </c>
      <c r="D180" s="12">
        <v>31525643.280000001</v>
      </c>
      <c r="E180" s="12">
        <v>8174362.7699999996</v>
      </c>
      <c r="F180" s="12">
        <v>31170557.199999999</v>
      </c>
      <c r="G180" s="12">
        <v>0.25</v>
      </c>
      <c r="H180" s="12">
        <v>355086.08000000002</v>
      </c>
      <c r="I180" s="12">
        <v>8156160.9699999997</v>
      </c>
      <c r="J180" s="12">
        <v>31152355.399999999</v>
      </c>
      <c r="K180" s="12">
        <v>0.28999999999999998</v>
      </c>
      <c r="L180" s="12">
        <v>373287.88</v>
      </c>
    </row>
    <row r="181" spans="1:12" x14ac:dyDescent="0.25">
      <c r="A181" s="2" t="s">
        <v>349</v>
      </c>
      <c r="B181" s="4" t="s">
        <v>412</v>
      </c>
      <c r="C181" s="12">
        <v>4947600</v>
      </c>
      <c r="D181" s="12">
        <v>38155100</v>
      </c>
      <c r="E181" s="12">
        <v>7560840.1600000001</v>
      </c>
      <c r="F181" s="12">
        <v>29468984.960000001</v>
      </c>
      <c r="G181" s="12">
        <v>0.24</v>
      </c>
      <c r="H181" s="12">
        <v>8686115.0399999991</v>
      </c>
      <c r="I181" s="12">
        <v>7560840.1600000001</v>
      </c>
      <c r="J181" s="12">
        <v>29468984.960000001</v>
      </c>
      <c r="K181" s="12">
        <v>0.28000000000000003</v>
      </c>
      <c r="L181" s="12">
        <v>8686115.0399999991</v>
      </c>
    </row>
    <row r="182" spans="1:12" x14ac:dyDescent="0.25">
      <c r="A182" s="3" t="s">
        <v>351</v>
      </c>
      <c r="B182" s="5" t="s">
        <v>418</v>
      </c>
      <c r="C182" s="11">
        <v>1805000</v>
      </c>
      <c r="D182" s="11">
        <v>1846000</v>
      </c>
      <c r="E182" s="11">
        <v>403257.87</v>
      </c>
      <c r="F182" s="11">
        <v>1799598.35</v>
      </c>
      <c r="G182" s="11">
        <v>0.01</v>
      </c>
      <c r="H182" s="11">
        <v>46401.65</v>
      </c>
      <c r="I182" s="11">
        <v>403257.87</v>
      </c>
      <c r="J182" s="11">
        <v>1799598.35</v>
      </c>
      <c r="K182" s="11">
        <v>0.02</v>
      </c>
      <c r="L182" s="11">
        <v>46401.65</v>
      </c>
    </row>
    <row r="183" spans="1:12" x14ac:dyDescent="0.25">
      <c r="A183" s="2" t="s">
        <v>353</v>
      </c>
      <c r="B183" s="4" t="s">
        <v>385</v>
      </c>
      <c r="C183" s="12">
        <v>1805000</v>
      </c>
      <c r="D183" s="12">
        <v>1846000</v>
      </c>
      <c r="E183" s="12">
        <v>403257.87</v>
      </c>
      <c r="F183" s="12">
        <v>1799598.35</v>
      </c>
      <c r="G183" s="12">
        <v>0.01</v>
      </c>
      <c r="H183" s="12">
        <v>46401.65</v>
      </c>
      <c r="I183" s="12">
        <v>403257.87</v>
      </c>
      <c r="J183" s="12">
        <v>1799598.35</v>
      </c>
      <c r="K183" s="12">
        <v>0.02</v>
      </c>
      <c r="L183" s="12">
        <v>46401.65</v>
      </c>
    </row>
    <row r="184" spans="1:12" x14ac:dyDescent="0.25">
      <c r="A184" s="3" t="s">
        <v>355</v>
      </c>
      <c r="B184" s="5" t="s">
        <v>420</v>
      </c>
      <c r="C184" s="11">
        <v>654643400</v>
      </c>
      <c r="D184" s="11">
        <v>597699127.27999997</v>
      </c>
      <c r="E184" s="11">
        <v>131954523.2</v>
      </c>
      <c r="F184" s="11">
        <v>530022252.97000003</v>
      </c>
      <c r="G184" s="11">
        <v>4.25</v>
      </c>
      <c r="H184" s="11">
        <v>67676874.310000002</v>
      </c>
      <c r="I184" s="11">
        <v>131957919.42</v>
      </c>
      <c r="J184" s="11">
        <v>529991093</v>
      </c>
      <c r="K184" s="11">
        <v>4.9800000000000004</v>
      </c>
      <c r="L184" s="11">
        <v>67708034.280000001</v>
      </c>
    </row>
    <row r="185" spans="1:12" x14ac:dyDescent="0.25">
      <c r="A185" s="2" t="s">
        <v>357</v>
      </c>
      <c r="B185" s="4" t="s">
        <v>385</v>
      </c>
      <c r="C185" s="12">
        <v>654398900</v>
      </c>
      <c r="D185" s="12">
        <v>597454627.27999997</v>
      </c>
      <c r="E185" s="12">
        <v>131954523.2</v>
      </c>
      <c r="F185" s="12">
        <v>530022252.97000003</v>
      </c>
      <c r="G185" s="12">
        <v>4.25</v>
      </c>
      <c r="H185" s="12">
        <v>67432374.310000002</v>
      </c>
      <c r="I185" s="12">
        <v>131957919.42</v>
      </c>
      <c r="J185" s="12">
        <v>529991093</v>
      </c>
      <c r="K185" s="12">
        <v>4.9800000000000004</v>
      </c>
      <c r="L185" s="12">
        <v>67463534.280000001</v>
      </c>
    </row>
    <row r="186" spans="1:12" x14ac:dyDescent="0.25">
      <c r="A186" s="2" t="s">
        <v>359</v>
      </c>
      <c r="B186" s="4" t="s">
        <v>426</v>
      </c>
      <c r="C186" s="12">
        <v>244500</v>
      </c>
      <c r="D186" s="12">
        <v>244500</v>
      </c>
      <c r="E186" s="12">
        <v>0</v>
      </c>
      <c r="F186" s="12">
        <v>0</v>
      </c>
      <c r="G186" s="12">
        <v>0</v>
      </c>
      <c r="H186" s="12">
        <v>244500</v>
      </c>
      <c r="I186" s="12">
        <v>0</v>
      </c>
      <c r="J186" s="12">
        <v>0</v>
      </c>
      <c r="K186" s="12">
        <v>0</v>
      </c>
      <c r="L186" s="12">
        <v>244500</v>
      </c>
    </row>
    <row r="187" spans="1:12" x14ac:dyDescent="0.25">
      <c r="A187" s="3" t="s">
        <v>361</v>
      </c>
      <c r="B187" s="5" t="s">
        <v>428</v>
      </c>
      <c r="C187" s="11">
        <v>3334600</v>
      </c>
      <c r="D187" s="11">
        <v>2039383.46</v>
      </c>
      <c r="E187" s="11">
        <v>267501.55</v>
      </c>
      <c r="F187" s="11">
        <v>1648582.14</v>
      </c>
      <c r="G187" s="11">
        <v>0.01</v>
      </c>
      <c r="H187" s="11">
        <v>390801.32</v>
      </c>
      <c r="I187" s="11">
        <v>267501.55</v>
      </c>
      <c r="J187" s="11">
        <v>1648582.14</v>
      </c>
      <c r="K187" s="11">
        <v>0.02</v>
      </c>
      <c r="L187" s="11">
        <v>390801.32</v>
      </c>
    </row>
    <row r="188" spans="1:12" x14ac:dyDescent="0.25">
      <c r="A188" s="2" t="s">
        <v>363</v>
      </c>
      <c r="B188" s="4" t="s">
        <v>385</v>
      </c>
      <c r="C188" s="12">
        <v>3334600</v>
      </c>
      <c r="D188" s="12">
        <v>2039383.46</v>
      </c>
      <c r="E188" s="12">
        <v>267501.55</v>
      </c>
      <c r="F188" s="12">
        <v>1648582.14</v>
      </c>
      <c r="G188" s="12">
        <v>0.01</v>
      </c>
      <c r="H188" s="12">
        <v>390801.32</v>
      </c>
      <c r="I188" s="12">
        <v>267501.55</v>
      </c>
      <c r="J188" s="12">
        <v>1648582.14</v>
      </c>
      <c r="K188" s="12">
        <v>0.02</v>
      </c>
      <c r="L188" s="12">
        <v>390801.32</v>
      </c>
    </row>
    <row r="189" spans="1:12" x14ac:dyDescent="0.25">
      <c r="A189" s="3" t="s">
        <v>365</v>
      </c>
      <c r="B189" s="5" t="s">
        <v>431</v>
      </c>
      <c r="C189" s="11">
        <v>49660000</v>
      </c>
      <c r="D189" s="11">
        <v>49660000</v>
      </c>
      <c r="E189" s="11">
        <v>7065245.3799999999</v>
      </c>
      <c r="F189" s="11">
        <v>31550039.16</v>
      </c>
      <c r="G189" s="11">
        <v>0.25</v>
      </c>
      <c r="H189" s="11">
        <v>18109960.84</v>
      </c>
      <c r="I189" s="11">
        <v>7065245.3799999999</v>
      </c>
      <c r="J189" s="11">
        <v>31550039.16</v>
      </c>
      <c r="K189" s="11">
        <v>0.3</v>
      </c>
      <c r="L189" s="11">
        <v>18109960.84</v>
      </c>
    </row>
    <row r="190" spans="1:12" x14ac:dyDescent="0.25">
      <c r="A190" s="2" t="s">
        <v>481</v>
      </c>
      <c r="B190" s="4" t="s">
        <v>396</v>
      </c>
      <c r="C190" s="12">
        <v>0</v>
      </c>
      <c r="D190" s="12">
        <v>0</v>
      </c>
      <c r="E190" s="12">
        <v>0</v>
      </c>
      <c r="F190" s="12">
        <v>0</v>
      </c>
      <c r="G190" s="12">
        <v>0</v>
      </c>
      <c r="H190" s="12">
        <v>0</v>
      </c>
      <c r="I190" s="12">
        <v>0</v>
      </c>
      <c r="J190" s="12">
        <v>0</v>
      </c>
      <c r="K190" s="12">
        <v>0</v>
      </c>
      <c r="L190" s="12">
        <v>0</v>
      </c>
    </row>
    <row r="191" spans="1:12" x14ac:dyDescent="0.25">
      <c r="A191" s="2" t="s">
        <v>482</v>
      </c>
      <c r="B191" s="4" t="s">
        <v>403</v>
      </c>
      <c r="C191" s="12">
        <v>49660000</v>
      </c>
      <c r="D191" s="12">
        <v>49660000</v>
      </c>
      <c r="E191" s="12">
        <v>7065245.3799999999</v>
      </c>
      <c r="F191" s="12">
        <v>31550039.16</v>
      </c>
      <c r="G191" s="12">
        <v>0.25</v>
      </c>
      <c r="H191" s="12">
        <v>18109960.84</v>
      </c>
      <c r="I191" s="12">
        <v>7065245.3799999999</v>
      </c>
      <c r="J191" s="12">
        <v>31550039.16</v>
      </c>
      <c r="K191" s="12">
        <v>0.3</v>
      </c>
      <c r="L191" s="12">
        <v>18109960.84</v>
      </c>
    </row>
    <row r="192" spans="1:12" x14ac:dyDescent="0.25">
      <c r="A192" s="3" t="s">
        <v>483</v>
      </c>
      <c r="B192" s="5" t="s">
        <v>435</v>
      </c>
      <c r="C192" s="11">
        <v>1335800</v>
      </c>
      <c r="D192" s="11">
        <v>1335800</v>
      </c>
      <c r="E192" s="11">
        <v>210766.54</v>
      </c>
      <c r="F192" s="11">
        <v>834832.98</v>
      </c>
      <c r="G192" s="11">
        <v>0.01</v>
      </c>
      <c r="H192" s="11">
        <v>500967.02</v>
      </c>
      <c r="I192" s="11">
        <v>210766.54</v>
      </c>
      <c r="J192" s="11">
        <v>834832.98</v>
      </c>
      <c r="K192" s="11">
        <v>0.01</v>
      </c>
      <c r="L192" s="11">
        <v>500967.02</v>
      </c>
    </row>
    <row r="193" spans="1:12" x14ac:dyDescent="0.25">
      <c r="A193" s="2" t="s">
        <v>484</v>
      </c>
      <c r="B193" s="4" t="s">
        <v>385</v>
      </c>
      <c r="C193" s="12">
        <v>1335800</v>
      </c>
      <c r="D193" s="12">
        <v>1335800</v>
      </c>
      <c r="E193" s="12">
        <v>210766.54</v>
      </c>
      <c r="F193" s="12">
        <v>834832.98</v>
      </c>
      <c r="G193" s="12">
        <v>0.01</v>
      </c>
      <c r="H193" s="12">
        <v>500967.02</v>
      </c>
      <c r="I193" s="12">
        <v>210766.54</v>
      </c>
      <c r="J193" s="12">
        <v>834832.98</v>
      </c>
      <c r="K193" s="12">
        <v>0.01</v>
      </c>
      <c r="L193" s="12">
        <v>500967.02</v>
      </c>
    </row>
    <row r="194" spans="1:12" x14ac:dyDescent="0.25">
      <c r="A194" s="3" t="s">
        <v>485</v>
      </c>
      <c r="B194" s="5" t="s">
        <v>439</v>
      </c>
      <c r="C194" s="11">
        <v>10000000</v>
      </c>
      <c r="D194" s="11">
        <v>10088148.189999999</v>
      </c>
      <c r="E194" s="11">
        <v>973189.22</v>
      </c>
      <c r="F194" s="11">
        <v>4338179.68</v>
      </c>
      <c r="G194" s="11">
        <v>0.03</v>
      </c>
      <c r="H194" s="11">
        <v>5749968.5099999998</v>
      </c>
      <c r="I194" s="11">
        <v>972821.78</v>
      </c>
      <c r="J194" s="11">
        <v>4337812.24</v>
      </c>
      <c r="K194" s="11">
        <v>0.04</v>
      </c>
      <c r="L194" s="11">
        <v>5750335.9500000002</v>
      </c>
    </row>
    <row r="195" spans="1:12" x14ac:dyDescent="0.25">
      <c r="A195" s="2" t="s">
        <v>486</v>
      </c>
      <c r="B195" s="4" t="s">
        <v>385</v>
      </c>
      <c r="C195" s="12">
        <v>10000000</v>
      </c>
      <c r="D195" s="12">
        <v>10088148.189999999</v>
      </c>
      <c r="E195" s="12">
        <v>973189.22</v>
      </c>
      <c r="F195" s="12">
        <v>4338179.68</v>
      </c>
      <c r="G195" s="12">
        <v>0.03</v>
      </c>
      <c r="H195" s="12">
        <v>5749968.5099999998</v>
      </c>
      <c r="I195" s="12">
        <v>972821.78</v>
      </c>
      <c r="J195" s="12">
        <v>4337812.24</v>
      </c>
      <c r="K195" s="12">
        <v>0.04</v>
      </c>
      <c r="L195" s="12">
        <v>5750335.9500000002</v>
      </c>
    </row>
    <row r="196" spans="1:12" x14ac:dyDescent="0.25">
      <c r="A196" s="3" t="s">
        <v>487</v>
      </c>
      <c r="B196" s="5" t="s">
        <v>446</v>
      </c>
      <c r="C196" s="11">
        <v>39525000</v>
      </c>
      <c r="D196" s="11">
        <v>39525000</v>
      </c>
      <c r="E196" s="11">
        <v>6347062.5</v>
      </c>
      <c r="F196" s="11">
        <v>25383452.93</v>
      </c>
      <c r="G196" s="11">
        <v>0.2</v>
      </c>
      <c r="H196" s="11">
        <v>14141547.07</v>
      </c>
      <c r="I196" s="11">
        <v>6347062.5</v>
      </c>
      <c r="J196" s="11">
        <v>25383452.93</v>
      </c>
      <c r="K196" s="11">
        <v>0.24</v>
      </c>
      <c r="L196" s="11">
        <v>14141547.07</v>
      </c>
    </row>
    <row r="197" spans="1:12" x14ac:dyDescent="0.25">
      <c r="A197" s="2" t="s">
        <v>488</v>
      </c>
      <c r="B197" s="4" t="s">
        <v>385</v>
      </c>
      <c r="C197" s="12">
        <v>39525000</v>
      </c>
      <c r="D197" s="12">
        <v>39525000</v>
      </c>
      <c r="E197" s="12">
        <v>6347062.5</v>
      </c>
      <c r="F197" s="12">
        <v>25383452.93</v>
      </c>
      <c r="G197" s="12">
        <v>0.2</v>
      </c>
      <c r="H197" s="12">
        <v>14141547.07</v>
      </c>
      <c r="I197" s="12">
        <v>6347062.5</v>
      </c>
      <c r="J197" s="12">
        <v>25383452.93</v>
      </c>
      <c r="K197" s="12">
        <v>0.24</v>
      </c>
      <c r="L197" s="12">
        <v>14141547.07</v>
      </c>
    </row>
    <row r="198" spans="1:12" x14ac:dyDescent="0.25">
      <c r="A198" s="3" t="s">
        <v>489</v>
      </c>
      <c r="B198" s="5" t="s">
        <v>454</v>
      </c>
      <c r="C198" s="11">
        <v>0</v>
      </c>
      <c r="D198" s="11">
        <v>10000000</v>
      </c>
      <c r="E198" s="11">
        <v>0</v>
      </c>
      <c r="F198" s="11">
        <v>10000000</v>
      </c>
      <c r="G198" s="11">
        <v>0.08</v>
      </c>
      <c r="H198" s="11">
        <v>0</v>
      </c>
      <c r="I198" s="11">
        <v>0</v>
      </c>
      <c r="J198" s="11">
        <v>10000000</v>
      </c>
      <c r="K198" s="11">
        <v>0.09</v>
      </c>
      <c r="L198" s="11">
        <v>0</v>
      </c>
    </row>
    <row r="199" spans="1:12" x14ac:dyDescent="0.25">
      <c r="A199" s="2" t="s">
        <v>490</v>
      </c>
      <c r="B199" s="4" t="s">
        <v>455</v>
      </c>
      <c r="C199" s="12">
        <v>0</v>
      </c>
      <c r="D199" s="12">
        <v>10000000</v>
      </c>
      <c r="E199" s="12">
        <v>0</v>
      </c>
      <c r="F199" s="12">
        <v>10000000</v>
      </c>
      <c r="G199" s="12">
        <v>0.08</v>
      </c>
      <c r="H199" s="12">
        <v>0</v>
      </c>
      <c r="I199" s="12">
        <v>0</v>
      </c>
      <c r="J199" s="12">
        <v>10000000</v>
      </c>
      <c r="K199" s="12">
        <v>0.09</v>
      </c>
      <c r="L199" s="12">
        <v>0</v>
      </c>
    </row>
    <row r="200" spans="1:12" x14ac:dyDescent="0.25">
      <c r="A200" s="3" t="s">
        <v>491</v>
      </c>
      <c r="B200" s="5" t="s">
        <v>456</v>
      </c>
      <c r="C200" s="11">
        <v>3724000</v>
      </c>
      <c r="D200" s="11">
        <v>3994000</v>
      </c>
      <c r="E200" s="11">
        <v>530191.18000000005</v>
      </c>
      <c r="F200" s="11">
        <v>2305194.7799999998</v>
      </c>
      <c r="G200" s="11">
        <v>0.02</v>
      </c>
      <c r="H200" s="11">
        <v>1688805.22</v>
      </c>
      <c r="I200" s="11">
        <v>530191.18000000005</v>
      </c>
      <c r="J200" s="11">
        <v>2305194.7799999998</v>
      </c>
      <c r="K200" s="11">
        <v>0.02</v>
      </c>
      <c r="L200" s="11">
        <v>1688805.22</v>
      </c>
    </row>
    <row r="201" spans="1:12" x14ac:dyDescent="0.25">
      <c r="A201" s="2" t="s">
        <v>492</v>
      </c>
      <c r="B201" s="4" t="s">
        <v>457</v>
      </c>
      <c r="C201" s="12">
        <v>1644000</v>
      </c>
      <c r="D201" s="12">
        <v>1914000</v>
      </c>
      <c r="E201" s="12">
        <v>254677.99</v>
      </c>
      <c r="F201" s="12">
        <v>1011270.79</v>
      </c>
      <c r="G201" s="12">
        <v>0.01</v>
      </c>
      <c r="H201" s="12">
        <v>902729.21</v>
      </c>
      <c r="I201" s="12">
        <v>254677.99</v>
      </c>
      <c r="J201" s="12">
        <v>1011270.79</v>
      </c>
      <c r="K201" s="12">
        <v>0.01</v>
      </c>
      <c r="L201" s="12">
        <v>902729.21</v>
      </c>
    </row>
    <row r="202" spans="1:12" x14ac:dyDescent="0.25">
      <c r="A202" s="2" t="s">
        <v>493</v>
      </c>
      <c r="B202" s="4" t="s">
        <v>459</v>
      </c>
      <c r="C202" s="12">
        <v>2080000</v>
      </c>
      <c r="D202" s="12">
        <v>2080000</v>
      </c>
      <c r="E202" s="12">
        <v>275513.19</v>
      </c>
      <c r="F202" s="12">
        <v>1293923.99</v>
      </c>
      <c r="G202" s="12">
        <v>0.01</v>
      </c>
      <c r="H202" s="12">
        <v>786076.01</v>
      </c>
      <c r="I202" s="12">
        <v>275513.19</v>
      </c>
      <c r="J202" s="12">
        <v>1293923.99</v>
      </c>
      <c r="K202" s="12">
        <v>0.01</v>
      </c>
      <c r="L202" s="12">
        <v>786076.01</v>
      </c>
    </row>
    <row r="203" spans="1:12" x14ac:dyDescent="0.25">
      <c r="A203" s="3" t="s">
        <v>494</v>
      </c>
      <c r="B203" s="5" t="s">
        <v>466</v>
      </c>
      <c r="C203" s="11">
        <v>35878800</v>
      </c>
      <c r="D203" s="11">
        <v>35892906.039999999</v>
      </c>
      <c r="E203" s="11">
        <v>5900135.5899999999</v>
      </c>
      <c r="F203" s="11">
        <v>23675026.34</v>
      </c>
      <c r="G203" s="11">
        <v>0.19</v>
      </c>
      <c r="H203" s="11">
        <v>12217879.699999999</v>
      </c>
      <c r="I203" s="11">
        <v>5900135.5899999999</v>
      </c>
      <c r="J203" s="11">
        <v>23675026.34</v>
      </c>
      <c r="K203" s="11">
        <v>0.22</v>
      </c>
      <c r="L203" s="11">
        <v>12217879.699999999</v>
      </c>
    </row>
    <row r="204" spans="1:12" x14ac:dyDescent="0.25">
      <c r="A204" s="2" t="s">
        <v>495</v>
      </c>
      <c r="B204" s="4" t="s">
        <v>385</v>
      </c>
      <c r="C204" s="12">
        <v>35878800</v>
      </c>
      <c r="D204" s="12">
        <v>35892906.039999999</v>
      </c>
      <c r="E204" s="12">
        <v>5900135.5899999999</v>
      </c>
      <c r="F204" s="12">
        <v>23675026.34</v>
      </c>
      <c r="G204" s="12">
        <v>0.19</v>
      </c>
      <c r="H204" s="12">
        <v>12217879.699999999</v>
      </c>
      <c r="I204" s="12">
        <v>5900135.5899999999</v>
      </c>
      <c r="J204" s="12">
        <v>23675026.34</v>
      </c>
      <c r="K204" s="12">
        <v>0.22</v>
      </c>
      <c r="L204" s="12">
        <v>12217879.699999999</v>
      </c>
    </row>
    <row r="205" spans="1:12" x14ac:dyDescent="0.25">
      <c r="A205" s="3" t="s">
        <v>496</v>
      </c>
      <c r="B205" s="5" t="s">
        <v>471</v>
      </c>
      <c r="C205" s="11">
        <v>0</v>
      </c>
      <c r="D205" s="11">
        <v>244853.48</v>
      </c>
      <c r="E205" s="11">
        <v>59879.85</v>
      </c>
      <c r="F205" s="11">
        <v>242981.98</v>
      </c>
      <c r="G205" s="11">
        <v>0</v>
      </c>
      <c r="H205" s="11">
        <v>1871.5</v>
      </c>
      <c r="I205" s="11">
        <v>60280.43</v>
      </c>
      <c r="J205" s="11">
        <v>242180.82</v>
      </c>
      <c r="K205" s="11">
        <v>0</v>
      </c>
      <c r="L205" s="11">
        <v>2672.66</v>
      </c>
    </row>
    <row r="206" spans="1:12" x14ac:dyDescent="0.25">
      <c r="A206" s="2" t="s">
        <v>497</v>
      </c>
      <c r="B206" s="4" t="s">
        <v>473</v>
      </c>
      <c r="C206" s="12">
        <v>0</v>
      </c>
      <c r="D206" s="12">
        <v>244853.48</v>
      </c>
      <c r="E206" s="12">
        <v>59879.85</v>
      </c>
      <c r="F206" s="12">
        <v>242981.98</v>
      </c>
      <c r="G206" s="12">
        <v>0</v>
      </c>
      <c r="H206" s="12">
        <v>1871.5</v>
      </c>
      <c r="I206" s="12">
        <v>60280.43</v>
      </c>
      <c r="J206" s="12">
        <v>242180.82</v>
      </c>
      <c r="K206" s="12">
        <v>0</v>
      </c>
      <c r="L206" s="12">
        <v>2672.66</v>
      </c>
    </row>
    <row r="207" spans="1:12" x14ac:dyDescent="0.25">
      <c r="A207" s="3" t="s">
        <v>498</v>
      </c>
      <c r="B207" s="5" t="s">
        <v>474</v>
      </c>
      <c r="C207" s="11">
        <v>42220100</v>
      </c>
      <c r="D207" s="11">
        <v>23598432.859999999</v>
      </c>
      <c r="E207" s="11">
        <v>4631358.0199999996</v>
      </c>
      <c r="F207" s="11">
        <v>17556177.640000001</v>
      </c>
      <c r="G207" s="11">
        <v>0.14000000000000001</v>
      </c>
      <c r="H207" s="11">
        <v>6042255.2199999997</v>
      </c>
      <c r="I207" s="11">
        <v>4631358.0199999996</v>
      </c>
      <c r="J207" s="11">
        <v>17556177.640000001</v>
      </c>
      <c r="K207" s="11">
        <v>0.16</v>
      </c>
      <c r="L207" s="11">
        <v>6042255.2199999997</v>
      </c>
    </row>
    <row r="208" spans="1:12" x14ac:dyDescent="0.25">
      <c r="A208" s="2" t="s">
        <v>499</v>
      </c>
      <c r="B208" s="4" t="s">
        <v>408</v>
      </c>
      <c r="C208" s="12">
        <v>4440100</v>
      </c>
      <c r="D208" s="12">
        <v>9640100</v>
      </c>
      <c r="E208" s="12">
        <v>1674038.02</v>
      </c>
      <c r="F208" s="12">
        <v>5809073.8499999996</v>
      </c>
      <c r="G208" s="12">
        <v>0.05</v>
      </c>
      <c r="H208" s="12">
        <v>3831026.15</v>
      </c>
      <c r="I208" s="12">
        <v>1674038.02</v>
      </c>
      <c r="J208" s="12">
        <v>5809073.8499999996</v>
      </c>
      <c r="K208" s="12">
        <v>0.05</v>
      </c>
      <c r="L208" s="12">
        <v>3831026.15</v>
      </c>
    </row>
    <row r="209" spans="1:12" x14ac:dyDescent="0.25">
      <c r="A209" s="2" t="s">
        <v>500</v>
      </c>
      <c r="B209" s="4" t="s">
        <v>382</v>
      </c>
      <c r="C209" s="12">
        <v>37780000</v>
      </c>
      <c r="D209" s="12">
        <v>13958332.859999999</v>
      </c>
      <c r="E209" s="12">
        <v>2957320</v>
      </c>
      <c r="F209" s="12">
        <v>11747103.789999999</v>
      </c>
      <c r="G209" s="12">
        <v>0.09</v>
      </c>
      <c r="H209" s="12">
        <v>2211229.0699999998</v>
      </c>
      <c r="I209" s="12">
        <v>2957320</v>
      </c>
      <c r="J209" s="12">
        <v>11747103.789999999</v>
      </c>
      <c r="K209" s="12">
        <v>0.11</v>
      </c>
      <c r="L209" s="12">
        <v>2211229.0699999998</v>
      </c>
    </row>
    <row r="210" spans="1:12" x14ac:dyDescent="0.25">
      <c r="A210" s="3" t="s">
        <v>501</v>
      </c>
      <c r="B210" s="5" t="s">
        <v>502</v>
      </c>
      <c r="C210" s="11">
        <v>16823704500</v>
      </c>
      <c r="D210" s="11">
        <v>18696836856.43</v>
      </c>
      <c r="E210" s="11">
        <v>2718538627.8299999</v>
      </c>
      <c r="F210" s="11">
        <v>12464097304.799999</v>
      </c>
      <c r="G210" s="11">
        <v>100.01</v>
      </c>
      <c r="H210" s="11">
        <v>6232739551.6300001</v>
      </c>
      <c r="I210" s="11">
        <v>2819584429.0100002</v>
      </c>
      <c r="J210" s="11">
        <v>10650370885.49</v>
      </c>
      <c r="K210" s="11">
        <v>99.97</v>
      </c>
      <c r="L210" s="11">
        <v>8046465970.9399996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>
      <selection activeCell="C12" sqref="C12:P42"/>
    </sheetView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0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04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05</v>
      </c>
      <c r="C10" s="10" t="s">
        <v>506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19</v>
      </c>
      <c r="P10" s="10" t="s">
        <v>520</v>
      </c>
    </row>
    <row r="11" spans="1:16" ht="21" x14ac:dyDescent="0.25">
      <c r="A11" s="10" t="s">
        <v>7</v>
      </c>
      <c r="B11" s="10" t="s">
        <v>7</v>
      </c>
      <c r="C11" s="1" t="s">
        <v>507</v>
      </c>
      <c r="D11" s="1" t="s">
        <v>508</v>
      </c>
      <c r="E11" s="1" t="s">
        <v>509</v>
      </c>
      <c r="F11" s="1" t="s">
        <v>510</v>
      </c>
      <c r="G11" s="1" t="s">
        <v>511</v>
      </c>
      <c r="H11" s="1" t="s">
        <v>512</v>
      </c>
      <c r="I11" s="1" t="s">
        <v>513</v>
      </c>
      <c r="J11" s="1" t="s">
        <v>514</v>
      </c>
      <c r="K11" s="1" t="s">
        <v>515</v>
      </c>
      <c r="L11" s="1" t="s">
        <v>516</v>
      </c>
      <c r="M11" s="1" t="s">
        <v>517</v>
      </c>
      <c r="N11" s="1" t="s">
        <v>518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21</v>
      </c>
      <c r="C12" s="11">
        <v>1896686995.0999999</v>
      </c>
      <c r="D12" s="11">
        <v>1714296581.3599999</v>
      </c>
      <c r="E12" s="11">
        <v>1768784545.6099999</v>
      </c>
      <c r="F12" s="11">
        <v>2057920753.8699999</v>
      </c>
      <c r="G12" s="11">
        <v>2064612666.8699999</v>
      </c>
      <c r="H12" s="11">
        <v>1728258791.52</v>
      </c>
      <c r="I12" s="11">
        <v>1793511973.8599999</v>
      </c>
      <c r="J12" s="11">
        <v>1866206459.95</v>
      </c>
      <c r="K12" s="11">
        <v>1812898639.01</v>
      </c>
      <c r="L12" s="11">
        <v>1864784472.9300001</v>
      </c>
      <c r="M12" s="11">
        <v>1910152747.54</v>
      </c>
      <c r="N12" s="11">
        <v>2031169726.4400001</v>
      </c>
      <c r="O12" s="11">
        <v>22509284354.060001</v>
      </c>
      <c r="P12" s="11">
        <v>19083422215</v>
      </c>
    </row>
    <row r="13" spans="1:16" x14ac:dyDescent="0.25">
      <c r="A13" s="3" t="s">
        <v>19</v>
      </c>
      <c r="B13" s="5" t="s">
        <v>522</v>
      </c>
      <c r="C13" s="11">
        <v>1187391346.3099999</v>
      </c>
      <c r="D13" s="11">
        <v>1162632023.27</v>
      </c>
      <c r="E13" s="11">
        <v>1223586057.22</v>
      </c>
      <c r="F13" s="11">
        <v>1220393602.54</v>
      </c>
      <c r="G13" s="11">
        <v>1470137092.51</v>
      </c>
      <c r="H13" s="11">
        <v>1123843755.4300001</v>
      </c>
      <c r="I13" s="11">
        <v>1195219309.8</v>
      </c>
      <c r="J13" s="11">
        <v>1247785613.71</v>
      </c>
      <c r="K13" s="11">
        <v>1180015496.5899999</v>
      </c>
      <c r="L13" s="11">
        <v>1220284407.79</v>
      </c>
      <c r="M13" s="11">
        <v>1267944647.55</v>
      </c>
      <c r="N13" s="11">
        <v>1326648005.8299999</v>
      </c>
      <c r="O13" s="11">
        <v>14825881358.549999</v>
      </c>
      <c r="P13" s="11">
        <v>12245475900</v>
      </c>
    </row>
    <row r="14" spans="1:16" x14ac:dyDescent="0.25">
      <c r="A14" s="2" t="s">
        <v>21</v>
      </c>
      <c r="B14" s="4" t="s">
        <v>523</v>
      </c>
      <c r="C14" s="12">
        <v>938830028.58000004</v>
      </c>
      <c r="D14" s="12">
        <v>923067340.67999995</v>
      </c>
      <c r="E14" s="12">
        <v>980655349.86000001</v>
      </c>
      <c r="F14" s="12">
        <v>969378250.40999997</v>
      </c>
      <c r="G14" s="12">
        <v>965006416.41999996</v>
      </c>
      <c r="H14" s="12">
        <v>928447223.75999999</v>
      </c>
      <c r="I14" s="12">
        <v>1003826896.14</v>
      </c>
      <c r="J14" s="12">
        <v>1055823075.17</v>
      </c>
      <c r="K14" s="12">
        <v>985604340.03999996</v>
      </c>
      <c r="L14" s="12">
        <v>1032031161.0700001</v>
      </c>
      <c r="M14" s="12">
        <v>1080503809.1800001</v>
      </c>
      <c r="N14" s="12">
        <v>1112901173.49</v>
      </c>
      <c r="O14" s="12">
        <v>11976075064.799999</v>
      </c>
      <c r="P14" s="12">
        <v>10054096900</v>
      </c>
    </row>
    <row r="15" spans="1:16" x14ac:dyDescent="0.25">
      <c r="A15" s="2" t="s">
        <v>23</v>
      </c>
      <c r="B15" s="4" t="s">
        <v>524</v>
      </c>
      <c r="C15" s="12">
        <v>28987241.129999999</v>
      </c>
      <c r="D15" s="12">
        <v>23954076.620000001</v>
      </c>
      <c r="E15" s="12">
        <v>20124034.5</v>
      </c>
      <c r="F15" s="12">
        <v>57376651.609999999</v>
      </c>
      <c r="G15" s="12">
        <v>373373157.02999997</v>
      </c>
      <c r="H15" s="12">
        <v>75365703.560000002</v>
      </c>
      <c r="I15" s="12">
        <v>65432879.100000001</v>
      </c>
      <c r="J15" s="12">
        <v>59045242.020000003</v>
      </c>
      <c r="K15" s="12">
        <v>60265315.270000003</v>
      </c>
      <c r="L15" s="12">
        <v>36077818.899999999</v>
      </c>
      <c r="M15" s="12">
        <v>36690859.969999999</v>
      </c>
      <c r="N15" s="12">
        <v>32052624.219999999</v>
      </c>
      <c r="O15" s="12">
        <v>868745603.92999995</v>
      </c>
      <c r="P15" s="12">
        <v>730803700</v>
      </c>
    </row>
    <row r="16" spans="1:16" x14ac:dyDescent="0.25">
      <c r="A16" s="2" t="s">
        <v>25</v>
      </c>
      <c r="B16" s="4" t="s">
        <v>525</v>
      </c>
      <c r="C16" s="12">
        <v>25491283.039999999</v>
      </c>
      <c r="D16" s="12">
        <v>17050236.870000001</v>
      </c>
      <c r="E16" s="12">
        <v>23029681.280000001</v>
      </c>
      <c r="F16" s="12">
        <v>31216650.02</v>
      </c>
      <c r="G16" s="12">
        <v>21960663.91</v>
      </c>
      <c r="H16" s="12">
        <v>15833887.59</v>
      </c>
      <c r="I16" s="12">
        <v>19986585.670000002</v>
      </c>
      <c r="J16" s="12">
        <v>29539466.850000001</v>
      </c>
      <c r="K16" s="12">
        <v>31369092.260000002</v>
      </c>
      <c r="L16" s="12">
        <v>36429993.960000001</v>
      </c>
      <c r="M16" s="12">
        <v>41060839.869999997</v>
      </c>
      <c r="N16" s="12">
        <v>50431976.460000001</v>
      </c>
      <c r="O16" s="12">
        <v>343400357.77999997</v>
      </c>
      <c r="P16" s="12">
        <v>182844600</v>
      </c>
    </row>
    <row r="17" spans="1:16" x14ac:dyDescent="0.25">
      <c r="A17" s="2" t="s">
        <v>27</v>
      </c>
      <c r="B17" s="4" t="s">
        <v>526</v>
      </c>
      <c r="C17" s="12">
        <v>170136381.03</v>
      </c>
      <c r="D17" s="12">
        <v>173831119.03999999</v>
      </c>
      <c r="E17" s="12">
        <v>169751627.09999999</v>
      </c>
      <c r="F17" s="12">
        <v>139268339.5</v>
      </c>
      <c r="G17" s="12">
        <v>88611078.349999994</v>
      </c>
      <c r="H17" s="12">
        <v>81430167.670000002</v>
      </c>
      <c r="I17" s="12">
        <v>81592459.920000002</v>
      </c>
      <c r="J17" s="12">
        <v>78652486.180000007</v>
      </c>
      <c r="K17" s="12">
        <v>75428422.420000002</v>
      </c>
      <c r="L17" s="12">
        <v>88648045.590000004</v>
      </c>
      <c r="M17" s="12">
        <v>78346508.519999996</v>
      </c>
      <c r="N17" s="12">
        <v>88789202.590000004</v>
      </c>
      <c r="O17" s="12">
        <v>1314485837.9100001</v>
      </c>
      <c r="P17" s="12">
        <v>992521700</v>
      </c>
    </row>
    <row r="18" spans="1:16" x14ac:dyDescent="0.25">
      <c r="A18" s="2" t="s">
        <v>30</v>
      </c>
      <c r="B18" s="4" t="s">
        <v>527</v>
      </c>
      <c r="C18" s="12">
        <v>23946412.530000001</v>
      </c>
      <c r="D18" s="12">
        <v>24729250.059999999</v>
      </c>
      <c r="E18" s="12">
        <v>30025364.48</v>
      </c>
      <c r="F18" s="12">
        <v>23153711</v>
      </c>
      <c r="G18" s="12">
        <v>21185776.800000001</v>
      </c>
      <c r="H18" s="12">
        <v>22766772.850000001</v>
      </c>
      <c r="I18" s="12">
        <v>24380488.969999999</v>
      </c>
      <c r="J18" s="12">
        <v>24725343.489999998</v>
      </c>
      <c r="K18" s="12">
        <v>27348326.600000001</v>
      </c>
      <c r="L18" s="12">
        <v>27097388.27</v>
      </c>
      <c r="M18" s="12">
        <v>31342630.010000002</v>
      </c>
      <c r="N18" s="12">
        <v>42473029.07</v>
      </c>
      <c r="O18" s="12">
        <v>323174494.13</v>
      </c>
      <c r="P18" s="12">
        <v>285209000</v>
      </c>
    </row>
    <row r="19" spans="1:16" x14ac:dyDescent="0.25">
      <c r="A19" s="2" t="s">
        <v>32</v>
      </c>
      <c r="B19" s="4" t="s">
        <v>528</v>
      </c>
      <c r="C19" s="12">
        <v>41855693.259999998</v>
      </c>
      <c r="D19" s="12">
        <v>41826302.659999996</v>
      </c>
      <c r="E19" s="12">
        <v>45484803.229999997</v>
      </c>
      <c r="F19" s="12">
        <v>151449143.28999999</v>
      </c>
      <c r="G19" s="12">
        <v>77721228.019999996</v>
      </c>
      <c r="H19" s="12">
        <v>38848141.240000002</v>
      </c>
      <c r="I19" s="12">
        <v>79647819.939999998</v>
      </c>
      <c r="J19" s="12">
        <v>68056814.049999997</v>
      </c>
      <c r="K19" s="12">
        <v>83906246</v>
      </c>
      <c r="L19" s="12">
        <v>60695925.57</v>
      </c>
      <c r="M19" s="12">
        <v>88042542.920000002</v>
      </c>
      <c r="N19" s="12">
        <v>70941212.609999999</v>
      </c>
      <c r="O19" s="12">
        <v>848475872.78999996</v>
      </c>
      <c r="P19" s="12">
        <v>870355100</v>
      </c>
    </row>
    <row r="20" spans="1:16" x14ac:dyDescent="0.25">
      <c r="A20" s="3" t="s">
        <v>34</v>
      </c>
      <c r="B20" s="5" t="s">
        <v>529</v>
      </c>
      <c r="C20" s="11">
        <v>3014462.94</v>
      </c>
      <c r="D20" s="11">
        <v>10702424.699999999</v>
      </c>
      <c r="E20" s="11">
        <v>4224556.66</v>
      </c>
      <c r="F20" s="11">
        <v>18034508.129999999</v>
      </c>
      <c r="G20" s="11">
        <v>15137243.380000001</v>
      </c>
      <c r="H20" s="11">
        <v>3862932.87</v>
      </c>
      <c r="I20" s="11">
        <v>6281394.7400000002</v>
      </c>
      <c r="J20" s="11">
        <v>15067486.18</v>
      </c>
      <c r="K20" s="11">
        <v>11082214.77</v>
      </c>
      <c r="L20" s="11">
        <v>34775994.75</v>
      </c>
      <c r="M20" s="11">
        <v>27956252.469999999</v>
      </c>
      <c r="N20" s="11">
        <v>20269441.75</v>
      </c>
      <c r="O20" s="11">
        <v>170408913.34</v>
      </c>
      <c r="P20" s="11">
        <v>110822700</v>
      </c>
    </row>
    <row r="21" spans="1:16" x14ac:dyDescent="0.25">
      <c r="A21" s="2" t="s">
        <v>36</v>
      </c>
      <c r="B21" s="4" t="s">
        <v>530</v>
      </c>
      <c r="C21" s="12">
        <v>2179614.7400000002</v>
      </c>
      <c r="D21" s="12">
        <v>2434785.64</v>
      </c>
      <c r="E21" s="12">
        <v>3093390.71</v>
      </c>
      <c r="F21" s="12">
        <v>3509953.94</v>
      </c>
      <c r="G21" s="12">
        <v>2909509.02</v>
      </c>
      <c r="H21" s="12">
        <v>2647590.9500000002</v>
      </c>
      <c r="I21" s="12">
        <v>5049494.07</v>
      </c>
      <c r="J21" s="12">
        <v>6157353.2699999996</v>
      </c>
      <c r="K21" s="12">
        <v>9091794.6999999993</v>
      </c>
      <c r="L21" s="12">
        <v>11307032.310000001</v>
      </c>
      <c r="M21" s="12">
        <v>13140698.75</v>
      </c>
      <c r="N21" s="12">
        <v>16871631.129999999</v>
      </c>
      <c r="O21" s="12">
        <v>78392849.230000004</v>
      </c>
      <c r="P21" s="12">
        <v>64343900</v>
      </c>
    </row>
    <row r="22" spans="1:16" x14ac:dyDescent="0.25">
      <c r="A22" s="2" t="s">
        <v>38</v>
      </c>
      <c r="B22" s="4" t="s">
        <v>531</v>
      </c>
      <c r="C22" s="12">
        <v>834848.2</v>
      </c>
      <c r="D22" s="12">
        <v>8267639.0599999996</v>
      </c>
      <c r="E22" s="12">
        <v>1131165.95</v>
      </c>
      <c r="F22" s="12">
        <v>14524554.189999999</v>
      </c>
      <c r="G22" s="12">
        <v>12227734.359999999</v>
      </c>
      <c r="H22" s="12">
        <v>1215341.92</v>
      </c>
      <c r="I22" s="12">
        <v>1231900.67</v>
      </c>
      <c r="J22" s="12">
        <v>8910132.9100000001</v>
      </c>
      <c r="K22" s="12">
        <v>1990420.07</v>
      </c>
      <c r="L22" s="12">
        <v>23468962.440000001</v>
      </c>
      <c r="M22" s="12">
        <v>14815553.720000001</v>
      </c>
      <c r="N22" s="12">
        <v>3397810.62</v>
      </c>
      <c r="O22" s="12">
        <v>92016064.109999999</v>
      </c>
      <c r="P22" s="12">
        <v>46478800</v>
      </c>
    </row>
    <row r="23" spans="1:16" x14ac:dyDescent="0.25">
      <c r="A23" s="2" t="s">
        <v>40</v>
      </c>
      <c r="B23" s="4" t="s">
        <v>532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2</v>
      </c>
      <c r="B24" s="4" t="s">
        <v>533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4</v>
      </c>
      <c r="B25" s="4" t="s">
        <v>534</v>
      </c>
      <c r="C25" s="12">
        <v>96963603.989999995</v>
      </c>
      <c r="D25" s="12">
        <v>84660335.390000001</v>
      </c>
      <c r="E25" s="12">
        <v>85478211.019999996</v>
      </c>
      <c r="F25" s="12">
        <v>86506316.920000002</v>
      </c>
      <c r="G25" s="12">
        <v>53545302.329999998</v>
      </c>
      <c r="H25" s="12">
        <v>74812096.680000007</v>
      </c>
      <c r="I25" s="12">
        <v>46420556.409999996</v>
      </c>
      <c r="J25" s="12">
        <v>57265514.229999997</v>
      </c>
      <c r="K25" s="12">
        <v>62998324.899999999</v>
      </c>
      <c r="L25" s="12">
        <v>64258047.039999999</v>
      </c>
      <c r="M25" s="12">
        <v>75275136.459999993</v>
      </c>
      <c r="N25" s="12">
        <v>89938714.980000004</v>
      </c>
      <c r="O25" s="12">
        <v>878122160.35000002</v>
      </c>
      <c r="P25" s="12">
        <v>900792215</v>
      </c>
    </row>
    <row r="26" spans="1:16" x14ac:dyDescent="0.25">
      <c r="A26" s="3" t="s">
        <v>46</v>
      </c>
      <c r="B26" s="5" t="s">
        <v>535</v>
      </c>
      <c r="C26" s="11">
        <v>559873345.67999995</v>
      </c>
      <c r="D26" s="11">
        <v>408061453.05000001</v>
      </c>
      <c r="E26" s="11">
        <v>408359793.56999999</v>
      </c>
      <c r="F26" s="11">
        <v>539652857.83000004</v>
      </c>
      <c r="G26" s="11">
        <v>440063862.26999998</v>
      </c>
      <c r="H26" s="11">
        <v>479896476.56999999</v>
      </c>
      <c r="I26" s="11">
        <v>460136045.25999999</v>
      </c>
      <c r="J26" s="11">
        <v>471057249.61000001</v>
      </c>
      <c r="K26" s="11">
        <v>466736577.91000003</v>
      </c>
      <c r="L26" s="11">
        <v>461536219.87</v>
      </c>
      <c r="M26" s="11">
        <v>443213482.18000001</v>
      </c>
      <c r="N26" s="11">
        <v>509932944.60000002</v>
      </c>
      <c r="O26" s="11">
        <v>5648520308.3999996</v>
      </c>
      <c r="P26" s="11">
        <v>4875691400</v>
      </c>
    </row>
    <row r="27" spans="1:16" x14ac:dyDescent="0.25">
      <c r="A27" s="2" t="s">
        <v>48</v>
      </c>
      <c r="B27" s="4" t="s">
        <v>536</v>
      </c>
      <c r="C27" s="12">
        <v>70620849.810000002</v>
      </c>
      <c r="D27" s="12">
        <v>96131155.590000004</v>
      </c>
      <c r="E27" s="12">
        <v>129655590.31</v>
      </c>
      <c r="F27" s="12">
        <v>136735468.41</v>
      </c>
      <c r="G27" s="12">
        <v>137408613.56999999</v>
      </c>
      <c r="H27" s="12">
        <v>184765675.33000001</v>
      </c>
      <c r="I27" s="12">
        <v>122531483.90000001</v>
      </c>
      <c r="J27" s="12">
        <v>128097434.81</v>
      </c>
      <c r="K27" s="12">
        <v>153081481.06999999</v>
      </c>
      <c r="L27" s="12">
        <v>133603393.18000001</v>
      </c>
      <c r="M27" s="12">
        <v>117626438.77</v>
      </c>
      <c r="N27" s="12">
        <v>148266074.22999999</v>
      </c>
      <c r="O27" s="12">
        <v>1558523658.98</v>
      </c>
      <c r="P27" s="12">
        <v>1273744200</v>
      </c>
    </row>
    <row r="28" spans="1:16" x14ac:dyDescent="0.25">
      <c r="A28" s="2" t="s">
        <v>50</v>
      </c>
      <c r="B28" s="4" t="s">
        <v>537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17341427.84</v>
      </c>
      <c r="I28" s="12">
        <v>8670713.9199999999</v>
      </c>
      <c r="J28" s="12">
        <v>-26012141.760000002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9038100</v>
      </c>
    </row>
    <row r="29" spans="1:16" x14ac:dyDescent="0.25">
      <c r="A29" s="2" t="s">
        <v>52</v>
      </c>
      <c r="B29" s="4" t="s">
        <v>538</v>
      </c>
      <c r="C29" s="12">
        <v>9405391.7599999998</v>
      </c>
      <c r="D29" s="12">
        <v>10764094.539999999</v>
      </c>
      <c r="E29" s="12">
        <v>11799299.720000001</v>
      </c>
      <c r="F29" s="12">
        <v>12409804.630000001</v>
      </c>
      <c r="G29" s="12">
        <v>12365694.93</v>
      </c>
      <c r="H29" s="12">
        <v>10115152.49</v>
      </c>
      <c r="I29" s="12">
        <v>12010983.199999999</v>
      </c>
      <c r="J29" s="12">
        <v>12046456.130000001</v>
      </c>
      <c r="K29" s="12">
        <v>11643582.359999999</v>
      </c>
      <c r="L29" s="12">
        <v>10680847.560000001</v>
      </c>
      <c r="M29" s="12">
        <v>12336383.859999999</v>
      </c>
      <c r="N29" s="12">
        <v>10373852.15</v>
      </c>
      <c r="O29" s="12">
        <v>135951543.33000001</v>
      </c>
      <c r="P29" s="12">
        <v>110491700</v>
      </c>
    </row>
    <row r="30" spans="1:16" x14ac:dyDescent="0.25">
      <c r="A30" s="2" t="s">
        <v>54</v>
      </c>
      <c r="B30" s="4" t="s">
        <v>539</v>
      </c>
      <c r="C30" s="12">
        <v>86856259.010000005</v>
      </c>
      <c r="D30" s="12">
        <v>106411880.48</v>
      </c>
      <c r="E30" s="12">
        <v>113275388.31</v>
      </c>
      <c r="F30" s="12">
        <v>106561813.84</v>
      </c>
      <c r="G30" s="12">
        <v>112256028.31999999</v>
      </c>
      <c r="H30" s="12">
        <v>120611326.43000001</v>
      </c>
      <c r="I30" s="12">
        <v>118708704.70999999</v>
      </c>
      <c r="J30" s="12">
        <v>111894962.23999999</v>
      </c>
      <c r="K30" s="12">
        <v>102986762.52</v>
      </c>
      <c r="L30" s="12">
        <v>103834978.79000001</v>
      </c>
      <c r="M30" s="12">
        <v>105956480.01000001</v>
      </c>
      <c r="N30" s="12">
        <v>124453228.27</v>
      </c>
      <c r="O30" s="12">
        <v>1313807812.9300001</v>
      </c>
      <c r="P30" s="12">
        <v>1205818000</v>
      </c>
    </row>
    <row r="31" spans="1:16" x14ac:dyDescent="0.25">
      <c r="A31" s="2" t="s">
        <v>56</v>
      </c>
      <c r="B31" s="4" t="s">
        <v>540</v>
      </c>
      <c r="C31" s="12">
        <v>392990845.10000002</v>
      </c>
      <c r="D31" s="12">
        <v>194754322.44</v>
      </c>
      <c r="E31" s="12">
        <v>153629515.22999999</v>
      </c>
      <c r="F31" s="12">
        <v>283945770.94999999</v>
      </c>
      <c r="G31" s="12">
        <v>178033525.44999999</v>
      </c>
      <c r="H31" s="12">
        <v>147062894.47999999</v>
      </c>
      <c r="I31" s="12">
        <v>198214159.53</v>
      </c>
      <c r="J31" s="12">
        <v>245030538.19</v>
      </c>
      <c r="K31" s="12">
        <v>199024751.96000001</v>
      </c>
      <c r="L31" s="12">
        <v>213417000.34</v>
      </c>
      <c r="M31" s="12">
        <v>207294179.53999999</v>
      </c>
      <c r="N31" s="12">
        <v>226839789.94999999</v>
      </c>
      <c r="O31" s="12">
        <v>2640237293.1599998</v>
      </c>
      <c r="P31" s="12">
        <v>2266599400</v>
      </c>
    </row>
    <row r="32" spans="1:16" x14ac:dyDescent="0.25">
      <c r="A32" s="2" t="s">
        <v>58</v>
      </c>
      <c r="B32" s="4" t="s">
        <v>541</v>
      </c>
      <c r="C32" s="12">
        <v>7588542.9199999999</v>
      </c>
      <c r="D32" s="12">
        <v>6414042.29</v>
      </c>
      <c r="E32" s="12">
        <v>1651123.91</v>
      </c>
      <c r="F32" s="12">
        <v>41884325.159999996</v>
      </c>
      <c r="G32" s="12">
        <v>8007938.3600000003</v>
      </c>
      <c r="H32" s="12">
        <v>6995388.7300000004</v>
      </c>
      <c r="I32" s="12">
        <v>5806847.71</v>
      </c>
      <c r="J32" s="12">
        <v>6973782.1699999999</v>
      </c>
      <c r="K32" s="12">
        <v>8159778.8399999999</v>
      </c>
      <c r="L32" s="12">
        <v>23233877.91</v>
      </c>
      <c r="M32" s="12">
        <v>7720685.96</v>
      </c>
      <c r="N32" s="12">
        <v>13439406.67</v>
      </c>
      <c r="O32" s="12">
        <v>137875740.63</v>
      </c>
      <c r="P32" s="12">
        <v>80284900</v>
      </c>
    </row>
    <row r="33" spans="1:16" x14ac:dyDescent="0.25">
      <c r="A33" s="3" t="s">
        <v>60</v>
      </c>
      <c r="B33" s="5" t="s">
        <v>542</v>
      </c>
      <c r="C33" s="11">
        <v>470022414.49000001</v>
      </c>
      <c r="D33" s="11">
        <v>465711002.63999999</v>
      </c>
      <c r="E33" s="11">
        <v>726802967.27999997</v>
      </c>
      <c r="F33" s="11">
        <v>628892918.85000002</v>
      </c>
      <c r="G33" s="11">
        <v>779508751.91999996</v>
      </c>
      <c r="H33" s="11">
        <v>529752654.13</v>
      </c>
      <c r="I33" s="11">
        <v>599801581.05999994</v>
      </c>
      <c r="J33" s="11">
        <v>610763097.14999998</v>
      </c>
      <c r="K33" s="11">
        <v>593999237.30999994</v>
      </c>
      <c r="L33" s="11">
        <v>572568912.99000001</v>
      </c>
      <c r="M33" s="11">
        <v>602175991.23000002</v>
      </c>
      <c r="N33" s="11">
        <v>635203274.19000006</v>
      </c>
      <c r="O33" s="11">
        <v>7215202803.2399998</v>
      </c>
      <c r="P33" s="11">
        <v>5818272000</v>
      </c>
    </row>
    <row r="34" spans="1:16" x14ac:dyDescent="0.25">
      <c r="A34" s="2" t="s">
        <v>62</v>
      </c>
      <c r="B34" s="4" t="s">
        <v>543</v>
      </c>
      <c r="C34" s="12">
        <v>263374702.94</v>
      </c>
      <c r="D34" s="12">
        <v>258326609.38999999</v>
      </c>
      <c r="E34" s="12">
        <v>499424278.17000002</v>
      </c>
      <c r="F34" s="12">
        <v>271892900.66000003</v>
      </c>
      <c r="G34" s="12">
        <v>485513096.61000001</v>
      </c>
      <c r="H34" s="12">
        <v>300789107.57999998</v>
      </c>
      <c r="I34" s="12">
        <v>332331803.69999999</v>
      </c>
      <c r="J34" s="12">
        <v>344709035.89999998</v>
      </c>
      <c r="K34" s="12">
        <v>317142612.76999998</v>
      </c>
      <c r="L34" s="12">
        <v>317457022.11000001</v>
      </c>
      <c r="M34" s="12">
        <v>314473189.69</v>
      </c>
      <c r="N34" s="12">
        <v>352415436.54000002</v>
      </c>
      <c r="O34" s="12">
        <v>4057849796.0599999</v>
      </c>
      <c r="P34" s="12">
        <v>3053349100</v>
      </c>
    </row>
    <row r="35" spans="1:16" x14ac:dyDescent="0.25">
      <c r="A35" s="2" t="s">
        <v>64</v>
      </c>
      <c r="B35" s="4" t="s">
        <v>544</v>
      </c>
      <c r="C35" s="12">
        <v>41775708.630000003</v>
      </c>
      <c r="D35" s="12">
        <v>38798970.460000001</v>
      </c>
      <c r="E35" s="12">
        <v>48291532.859999999</v>
      </c>
      <c r="F35" s="12">
        <v>146863417.25</v>
      </c>
      <c r="G35" s="12">
        <v>77649268.329999998</v>
      </c>
      <c r="H35" s="12">
        <v>38767346.450000003</v>
      </c>
      <c r="I35" s="12">
        <v>79567799.560000002</v>
      </c>
      <c r="J35" s="12">
        <v>67967927.390000001</v>
      </c>
      <c r="K35" s="12">
        <v>83833153.200000003</v>
      </c>
      <c r="L35" s="12">
        <v>60616755.020000003</v>
      </c>
      <c r="M35" s="12">
        <v>87955314.989999995</v>
      </c>
      <c r="N35" s="12">
        <v>70859203.340000004</v>
      </c>
      <c r="O35" s="12">
        <v>842946397.48000002</v>
      </c>
      <c r="P35" s="12">
        <v>867788800</v>
      </c>
    </row>
    <row r="36" spans="1:16" x14ac:dyDescent="0.25">
      <c r="A36" s="2" t="s">
        <v>66</v>
      </c>
      <c r="B36" s="4" t="s">
        <v>545</v>
      </c>
      <c r="C36" s="12">
        <v>79984.63</v>
      </c>
      <c r="D36" s="12">
        <v>3027332.2</v>
      </c>
      <c r="E36" s="12">
        <v>-2806729.63</v>
      </c>
      <c r="F36" s="12">
        <v>23091816.050000001</v>
      </c>
      <c r="G36" s="12">
        <v>71959.69</v>
      </c>
      <c r="H36" s="12">
        <v>1313217.92</v>
      </c>
      <c r="I36" s="12">
        <v>127760.89</v>
      </c>
      <c r="J36" s="12">
        <v>101472.11</v>
      </c>
      <c r="K36" s="12">
        <v>111852.81</v>
      </c>
      <c r="L36" s="12">
        <v>79170.55</v>
      </c>
      <c r="M36" s="12">
        <v>87227.93</v>
      </c>
      <c r="N36" s="12">
        <v>114217.26</v>
      </c>
      <c r="O36" s="12">
        <v>25399282.41</v>
      </c>
      <c r="P36" s="12">
        <v>0</v>
      </c>
    </row>
    <row r="37" spans="1:16" x14ac:dyDescent="0.25">
      <c r="A37" s="2" t="s">
        <v>68</v>
      </c>
      <c r="B37" s="4" t="s">
        <v>546</v>
      </c>
      <c r="C37" s="12">
        <v>164792018.28999999</v>
      </c>
      <c r="D37" s="12">
        <v>165558090.59</v>
      </c>
      <c r="E37" s="12">
        <v>181893885.88</v>
      </c>
      <c r="F37" s="12">
        <v>187044784.88999999</v>
      </c>
      <c r="G37" s="12">
        <v>216274427.28999999</v>
      </c>
      <c r="H37" s="12">
        <v>188882982.18000001</v>
      </c>
      <c r="I37" s="12">
        <v>187774216.91</v>
      </c>
      <c r="J37" s="12">
        <v>197984661.75</v>
      </c>
      <c r="K37" s="12">
        <v>192911618.53</v>
      </c>
      <c r="L37" s="12">
        <v>194415965.31</v>
      </c>
      <c r="M37" s="12">
        <v>199660258.62</v>
      </c>
      <c r="N37" s="12">
        <v>211814417.05000001</v>
      </c>
      <c r="O37" s="12">
        <v>2289007327.29</v>
      </c>
      <c r="P37" s="12">
        <v>1897134100</v>
      </c>
    </row>
    <row r="38" spans="1:16" x14ac:dyDescent="0.25">
      <c r="A38" s="3" t="s">
        <v>70</v>
      </c>
      <c r="B38" s="5" t="s">
        <v>547</v>
      </c>
      <c r="C38" s="11">
        <v>1426664580.6099999</v>
      </c>
      <c r="D38" s="11">
        <v>1248585578.72</v>
      </c>
      <c r="E38" s="11">
        <v>1041981578.33</v>
      </c>
      <c r="F38" s="11">
        <v>1429027835.02</v>
      </c>
      <c r="G38" s="11">
        <v>1285103914.95</v>
      </c>
      <c r="H38" s="11">
        <v>1198506137.3900001</v>
      </c>
      <c r="I38" s="11">
        <v>1193710392.8</v>
      </c>
      <c r="J38" s="11">
        <v>1255443362.8</v>
      </c>
      <c r="K38" s="11">
        <v>1218899401.7</v>
      </c>
      <c r="L38" s="11">
        <v>1292215559.9400001</v>
      </c>
      <c r="M38" s="11">
        <v>1307976756.3099999</v>
      </c>
      <c r="N38" s="11">
        <v>1395966452.25</v>
      </c>
      <c r="O38" s="11">
        <v>15294081550.82</v>
      </c>
      <c r="P38" s="11">
        <v>13265150215</v>
      </c>
    </row>
    <row r="39" spans="1:16" x14ac:dyDescent="0.25">
      <c r="A39" s="2" t="s">
        <v>72</v>
      </c>
      <c r="B39" s="4" t="s">
        <v>548</v>
      </c>
      <c r="C39" s="12">
        <v>0</v>
      </c>
      <c r="D39" s="12">
        <v>0</v>
      </c>
      <c r="E39" s="12">
        <v>0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590454</v>
      </c>
      <c r="N39" s="12">
        <v>0</v>
      </c>
      <c r="O39" s="12">
        <v>590454</v>
      </c>
      <c r="P39" s="12">
        <v>0</v>
      </c>
    </row>
    <row r="40" spans="1:16" x14ac:dyDescent="0.25">
      <c r="A40" s="3" t="s">
        <v>74</v>
      </c>
      <c r="B40" s="5" t="s">
        <v>549</v>
      </c>
      <c r="C40" s="11">
        <v>1426664580.6099999</v>
      </c>
      <c r="D40" s="11">
        <v>1248585578.72</v>
      </c>
      <c r="E40" s="11">
        <v>1041981578.33</v>
      </c>
      <c r="F40" s="11">
        <v>1429027835.02</v>
      </c>
      <c r="G40" s="11">
        <v>1285103914.95</v>
      </c>
      <c r="H40" s="11">
        <v>1198506137.3900001</v>
      </c>
      <c r="I40" s="11">
        <v>1193710392.8</v>
      </c>
      <c r="J40" s="11">
        <v>1255443362.8</v>
      </c>
      <c r="K40" s="11">
        <v>1218899401.7</v>
      </c>
      <c r="L40" s="11">
        <v>1292215559.9400001</v>
      </c>
      <c r="M40" s="11">
        <v>1307386302.3099999</v>
      </c>
      <c r="N40" s="11">
        <v>1395966452.25</v>
      </c>
      <c r="O40" s="11">
        <v>15293491096.82</v>
      </c>
      <c r="P40" s="11">
        <v>13265150215</v>
      </c>
    </row>
    <row r="41" spans="1:16" x14ac:dyDescent="0.25">
      <c r="A41" s="2" t="s">
        <v>76</v>
      </c>
      <c r="B41" s="4" t="s">
        <v>550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2">
        <v>1590454</v>
      </c>
      <c r="M41" s="12">
        <v>-1590454</v>
      </c>
      <c r="N41" s="12">
        <v>12000000</v>
      </c>
      <c r="O41" s="12">
        <v>12000000</v>
      </c>
      <c r="P41" s="12">
        <v>0</v>
      </c>
    </row>
    <row r="42" spans="1:16" x14ac:dyDescent="0.25">
      <c r="A42" s="3" t="s">
        <v>78</v>
      </c>
      <c r="B42" s="5" t="s">
        <v>551</v>
      </c>
      <c r="C42" s="11">
        <v>1426664580.6099999</v>
      </c>
      <c r="D42" s="11">
        <v>1248585578.72</v>
      </c>
      <c r="E42" s="11">
        <v>1041981578.33</v>
      </c>
      <c r="F42" s="11">
        <v>1429027835.02</v>
      </c>
      <c r="G42" s="11">
        <v>1285103914.95</v>
      </c>
      <c r="H42" s="11">
        <v>1198506137.3900001</v>
      </c>
      <c r="I42" s="11">
        <v>1193710392.8</v>
      </c>
      <c r="J42" s="11">
        <v>1255443362.8</v>
      </c>
      <c r="K42" s="11">
        <v>1218899401.7</v>
      </c>
      <c r="L42" s="11">
        <v>1290625105.9400001</v>
      </c>
      <c r="M42" s="11">
        <v>1308976756.3099999</v>
      </c>
      <c r="N42" s="11">
        <v>1383966452.25</v>
      </c>
      <c r="O42" s="11">
        <v>15281491096.82</v>
      </c>
      <c r="P42" s="11">
        <v>13265150215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66"/>
  <sheetViews>
    <sheetView showGridLines="0" topLeftCell="A153" workbookViewId="0">
      <selection activeCell="F172" sqref="F172"/>
    </sheetView>
  </sheetViews>
  <sheetFormatPr defaultRowHeight="15" x14ac:dyDescent="0.25"/>
  <cols>
    <col min="1" max="1" width="2.7109375" bestFit="1" customWidth="1"/>
    <col min="2" max="2" width="55.28515625" bestFit="1" customWidth="1"/>
    <col min="3" max="4" width="19.140625" bestFit="1" customWidth="1"/>
    <col min="5" max="6" width="19" bestFit="1" customWidth="1"/>
    <col min="7" max="7" width="5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552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553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554</v>
      </c>
      <c r="C10" s="10" t="s">
        <v>10</v>
      </c>
      <c r="D10" s="10" t="s">
        <v>555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7" x14ac:dyDescent="0.25">
      <c r="A12" s="3" t="s">
        <v>17</v>
      </c>
      <c r="B12" s="5" t="s">
        <v>556</v>
      </c>
      <c r="C12" s="11">
        <v>1851908700</v>
      </c>
      <c r="D12" s="11">
        <v>1806509804.24</v>
      </c>
    </row>
    <row r="13" spans="1:7" x14ac:dyDescent="0.25">
      <c r="A13" s="3" t="s">
        <v>19</v>
      </c>
      <c r="B13" s="5" t="s">
        <v>557</v>
      </c>
      <c r="C13" s="11">
        <v>653608100</v>
      </c>
      <c r="D13" s="11">
        <v>493349208.06999999</v>
      </c>
    </row>
    <row r="14" spans="1:7" x14ac:dyDescent="0.25">
      <c r="A14" s="2" t="s">
        <v>21</v>
      </c>
      <c r="B14" s="4" t="s">
        <v>558</v>
      </c>
      <c r="C14" s="12">
        <v>497789400</v>
      </c>
      <c r="D14" s="12">
        <v>243481162.52000001</v>
      </c>
    </row>
    <row r="15" spans="1:7" x14ac:dyDescent="0.25">
      <c r="A15" s="2" t="s">
        <v>23</v>
      </c>
      <c r="B15" s="4" t="s">
        <v>559</v>
      </c>
      <c r="C15" s="12">
        <v>131415100</v>
      </c>
      <c r="D15" s="12">
        <v>197601969.94999999</v>
      </c>
    </row>
    <row r="16" spans="1:7" x14ac:dyDescent="0.25">
      <c r="A16" s="2" t="s">
        <v>25</v>
      </c>
      <c r="B16" s="4" t="s">
        <v>560</v>
      </c>
      <c r="C16" s="12">
        <v>24403600</v>
      </c>
      <c r="D16" s="12">
        <v>52266075.600000001</v>
      </c>
    </row>
    <row r="17" spans="1:4" x14ac:dyDescent="0.25">
      <c r="A17" s="3" t="s">
        <v>27</v>
      </c>
      <c r="B17" s="5" t="s">
        <v>561</v>
      </c>
      <c r="C17" s="11">
        <v>744671600</v>
      </c>
      <c r="D17" s="11">
        <v>1310506578.6600001</v>
      </c>
    </row>
    <row r="18" spans="1:4" x14ac:dyDescent="0.25">
      <c r="A18" s="2" t="s">
        <v>30</v>
      </c>
      <c r="B18" s="4" t="s">
        <v>558</v>
      </c>
      <c r="C18" s="12">
        <v>375244500</v>
      </c>
      <c r="D18" s="12">
        <v>915405707.22000003</v>
      </c>
    </row>
    <row r="19" spans="1:4" x14ac:dyDescent="0.25">
      <c r="A19" s="2" t="s">
        <v>32</v>
      </c>
      <c r="B19" s="4" t="s">
        <v>559</v>
      </c>
      <c r="C19" s="12">
        <v>320418500</v>
      </c>
      <c r="D19" s="12">
        <v>342727769.30000001</v>
      </c>
    </row>
    <row r="20" spans="1:4" x14ac:dyDescent="0.25">
      <c r="A20" s="2" t="s">
        <v>34</v>
      </c>
      <c r="B20" s="4" t="s">
        <v>560</v>
      </c>
      <c r="C20" s="12">
        <v>49008600</v>
      </c>
      <c r="D20" s="12">
        <v>52373102.140000001</v>
      </c>
    </row>
    <row r="21" spans="1:4" x14ac:dyDescent="0.25">
      <c r="A21" s="3" t="s">
        <v>36</v>
      </c>
      <c r="B21" s="5" t="s">
        <v>562</v>
      </c>
      <c r="C21" s="11">
        <v>9749300</v>
      </c>
      <c r="D21" s="11">
        <v>509250.45</v>
      </c>
    </row>
    <row r="22" spans="1:4" x14ac:dyDescent="0.25">
      <c r="A22" s="2" t="s">
        <v>38</v>
      </c>
      <c r="B22" s="4" t="s">
        <v>563</v>
      </c>
      <c r="C22" s="12">
        <v>0</v>
      </c>
      <c r="D22" s="12">
        <v>0</v>
      </c>
    </row>
    <row r="23" spans="1:4" x14ac:dyDescent="0.25">
      <c r="A23" s="2" t="s">
        <v>40</v>
      </c>
      <c r="B23" s="4" t="s">
        <v>564</v>
      </c>
      <c r="C23" s="12">
        <v>9749300</v>
      </c>
      <c r="D23" s="12">
        <v>509250.45</v>
      </c>
    </row>
    <row r="24" spans="1:4" x14ac:dyDescent="0.25">
      <c r="A24" s="2" t="s">
        <v>42</v>
      </c>
      <c r="B24" s="4" t="s">
        <v>565</v>
      </c>
      <c r="C24" s="12">
        <v>0</v>
      </c>
      <c r="D24" s="12">
        <v>0</v>
      </c>
    </row>
    <row r="25" spans="1:4" x14ac:dyDescent="0.25">
      <c r="A25" s="2" t="s">
        <v>44</v>
      </c>
      <c r="B25" s="4" t="s">
        <v>566</v>
      </c>
      <c r="C25" s="12">
        <v>0</v>
      </c>
      <c r="D25" s="12">
        <v>0</v>
      </c>
    </row>
    <row r="26" spans="1:4" x14ac:dyDescent="0.25">
      <c r="A26" s="3" t="s">
        <v>46</v>
      </c>
      <c r="B26" s="5" t="s">
        <v>567</v>
      </c>
      <c r="C26" s="11">
        <v>443879700</v>
      </c>
      <c r="D26" s="11">
        <v>2144767.06</v>
      </c>
    </row>
    <row r="27" spans="1:4" x14ac:dyDescent="0.25">
      <c r="A27" s="2" t="s">
        <v>48</v>
      </c>
      <c r="B27" s="4" t="s">
        <v>568</v>
      </c>
      <c r="C27" s="12">
        <v>0</v>
      </c>
      <c r="D27" s="12">
        <v>1363717.09</v>
      </c>
    </row>
    <row r="28" spans="1:4" x14ac:dyDescent="0.25">
      <c r="A28" s="2" t="s">
        <v>50</v>
      </c>
      <c r="B28" s="4" t="s">
        <v>569</v>
      </c>
      <c r="C28" s="12">
        <v>443879700</v>
      </c>
      <c r="D28" s="12">
        <v>0</v>
      </c>
    </row>
    <row r="29" spans="1:4" x14ac:dyDescent="0.25">
      <c r="A29" s="2" t="s">
        <v>52</v>
      </c>
      <c r="B29" s="4" t="s">
        <v>570</v>
      </c>
      <c r="C29" s="12">
        <v>0</v>
      </c>
      <c r="D29" s="12">
        <v>781049.97</v>
      </c>
    </row>
    <row r="30" spans="1:4" x14ac:dyDescent="0.25">
      <c r="A30" s="3" t="s">
        <v>54</v>
      </c>
      <c r="B30" s="5" t="s">
        <v>571</v>
      </c>
      <c r="C30" s="11">
        <v>0</v>
      </c>
      <c r="D30" s="11">
        <v>0</v>
      </c>
    </row>
    <row r="31" spans="1:4" x14ac:dyDescent="0.25">
      <c r="A31" s="2" t="s">
        <v>56</v>
      </c>
      <c r="B31" s="4" t="s">
        <v>572</v>
      </c>
      <c r="C31" s="12">
        <v>0</v>
      </c>
      <c r="D31" s="12">
        <v>0</v>
      </c>
    </row>
    <row r="32" spans="1:4" x14ac:dyDescent="0.25">
      <c r="A32" s="2" t="s">
        <v>58</v>
      </c>
      <c r="B32" s="4" t="s">
        <v>573</v>
      </c>
      <c r="C32" s="12">
        <v>0</v>
      </c>
      <c r="D32" s="12">
        <v>0</v>
      </c>
    </row>
    <row r="33" spans="1:7" x14ac:dyDescent="0.25">
      <c r="A33" s="2" t="s">
        <v>60</v>
      </c>
      <c r="B33" s="4" t="s">
        <v>574</v>
      </c>
      <c r="C33" s="12">
        <v>0</v>
      </c>
      <c r="D33" s="12">
        <v>0</v>
      </c>
    </row>
    <row r="34" spans="1:7" x14ac:dyDescent="0.25">
      <c r="A34" s="2" t="s">
        <v>62</v>
      </c>
      <c r="B34" s="4" t="s">
        <v>575</v>
      </c>
      <c r="C34" s="12">
        <v>1408029000</v>
      </c>
      <c r="D34" s="12">
        <v>1806509804.24</v>
      </c>
    </row>
    <row r="36" spans="1:7" x14ac:dyDescent="0.25">
      <c r="A36" s="10" t="s">
        <v>6</v>
      </c>
      <c r="B36" s="10" t="s">
        <v>576</v>
      </c>
      <c r="C36" s="10" t="s">
        <v>577</v>
      </c>
      <c r="D36" s="10" t="s">
        <v>578</v>
      </c>
      <c r="E36" s="10" t="s">
        <v>579</v>
      </c>
      <c r="F36" s="10" t="s">
        <v>580</v>
      </c>
      <c r="G36" s="10" t="s">
        <v>581</v>
      </c>
    </row>
    <row r="37" spans="1:7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0" t="s">
        <v>7</v>
      </c>
      <c r="F37" s="10" t="s">
        <v>7</v>
      </c>
      <c r="G37" s="10" t="s">
        <v>7</v>
      </c>
    </row>
    <row r="38" spans="1:7" x14ac:dyDescent="0.25">
      <c r="A38" s="3" t="s">
        <v>64</v>
      </c>
      <c r="B38" s="5" t="s">
        <v>582</v>
      </c>
      <c r="C38" s="11">
        <v>2109763800</v>
      </c>
      <c r="D38" s="11">
        <v>1961462313.9300001</v>
      </c>
      <c r="E38" s="11">
        <v>1918387713.5899999</v>
      </c>
      <c r="F38" s="11">
        <v>1918387713.5899999</v>
      </c>
      <c r="G38" s="11">
        <v>0</v>
      </c>
    </row>
    <row r="39" spans="1:7" x14ac:dyDescent="0.25">
      <c r="A39" s="2" t="s">
        <v>66</v>
      </c>
      <c r="B39" s="4" t="s">
        <v>583</v>
      </c>
      <c r="C39" s="12">
        <v>1792860500</v>
      </c>
      <c r="D39" s="12">
        <v>1678725469.1800001</v>
      </c>
      <c r="E39" s="12">
        <v>1647518091.24</v>
      </c>
      <c r="F39" s="12">
        <v>1647518091.24</v>
      </c>
      <c r="G39" s="12">
        <v>0</v>
      </c>
    </row>
    <row r="40" spans="1:7" x14ac:dyDescent="0.25">
      <c r="A40" s="2" t="s">
        <v>68</v>
      </c>
      <c r="B40" s="4" t="s">
        <v>584</v>
      </c>
      <c r="C40" s="12">
        <v>316903300</v>
      </c>
      <c r="D40" s="12">
        <v>282736844.75</v>
      </c>
      <c r="E40" s="12">
        <v>270869622.35000002</v>
      </c>
      <c r="F40" s="12">
        <v>270869622.35000002</v>
      </c>
      <c r="G40" s="12">
        <v>0</v>
      </c>
    </row>
    <row r="41" spans="1:7" x14ac:dyDescent="0.25">
      <c r="A41" s="3" t="s">
        <v>70</v>
      </c>
      <c r="B41" s="5" t="s">
        <v>585</v>
      </c>
      <c r="C41" s="11">
        <v>11475006</v>
      </c>
      <c r="D41" s="11">
        <v>3286081.52</v>
      </c>
      <c r="E41" s="11">
        <v>3281125.17</v>
      </c>
      <c r="F41" s="11">
        <v>3281125.17</v>
      </c>
      <c r="G41" s="11">
        <v>0</v>
      </c>
    </row>
    <row r="42" spans="1:7" x14ac:dyDescent="0.25">
      <c r="A42" s="2" t="s">
        <v>72</v>
      </c>
      <c r="B42" s="4" t="s">
        <v>568</v>
      </c>
      <c r="C42" s="12">
        <v>5750000</v>
      </c>
      <c r="D42" s="12">
        <v>3018155.53</v>
      </c>
      <c r="E42" s="12">
        <v>3018155.53</v>
      </c>
      <c r="F42" s="12">
        <v>3018155.53</v>
      </c>
      <c r="G42" s="12">
        <v>0</v>
      </c>
    </row>
    <row r="43" spans="1:7" x14ac:dyDescent="0.25">
      <c r="A43" s="2" t="s">
        <v>74</v>
      </c>
      <c r="B43" s="4" t="s">
        <v>586</v>
      </c>
      <c r="C43" s="12">
        <v>5725006</v>
      </c>
      <c r="D43" s="12">
        <v>267925.99</v>
      </c>
      <c r="E43" s="12">
        <v>262969.64</v>
      </c>
      <c r="F43" s="12">
        <v>262969.64</v>
      </c>
      <c r="G43" s="12">
        <v>0</v>
      </c>
    </row>
    <row r="44" spans="1:7" x14ac:dyDescent="0.25">
      <c r="A44" s="3" t="s">
        <v>76</v>
      </c>
      <c r="B44" s="5" t="s">
        <v>587</v>
      </c>
      <c r="C44" s="11">
        <v>2121238806</v>
      </c>
      <c r="D44" s="11">
        <v>1964748395.45</v>
      </c>
      <c r="E44" s="11">
        <v>1921668838.76</v>
      </c>
      <c r="F44" s="11">
        <v>1921668838.76</v>
      </c>
      <c r="G44" s="11">
        <v>0</v>
      </c>
    </row>
    <row r="46" spans="1:7" x14ac:dyDescent="0.25">
      <c r="A46" s="10" t="s">
        <v>6</v>
      </c>
      <c r="B46" s="10" t="s">
        <v>588</v>
      </c>
      <c r="C46" s="10" t="s">
        <v>577</v>
      </c>
      <c r="D46" s="10" t="s">
        <v>578</v>
      </c>
      <c r="E46" s="10" t="s">
        <v>579</v>
      </c>
      <c r="F46" s="10" t="s">
        <v>580</v>
      </c>
      <c r="G46" s="10" t="s">
        <v>581</v>
      </c>
    </row>
    <row r="47" spans="1:7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0" t="s">
        <v>7</v>
      </c>
      <c r="F47" s="10" t="s">
        <v>7</v>
      </c>
      <c r="G47" s="10" t="s">
        <v>7</v>
      </c>
    </row>
    <row r="48" spans="1:7" x14ac:dyDescent="0.25">
      <c r="A48" s="2" t="s">
        <v>78</v>
      </c>
      <c r="B48" s="4" t="s">
        <v>589</v>
      </c>
      <c r="C48" s="12" t="s">
        <v>590</v>
      </c>
      <c r="D48" s="12" t="s">
        <v>591</v>
      </c>
      <c r="E48" s="12" t="s">
        <v>592</v>
      </c>
      <c r="F48" s="12" t="s">
        <v>592</v>
      </c>
      <c r="G48" s="12" t="s">
        <v>29</v>
      </c>
    </row>
    <row r="50" spans="1:3" x14ac:dyDescent="0.25">
      <c r="A50" s="10" t="s">
        <v>6</v>
      </c>
      <c r="B50" s="10" t="s">
        <v>593</v>
      </c>
      <c r="C50" s="10" t="s">
        <v>594</v>
      </c>
    </row>
    <row r="51" spans="1:3" x14ac:dyDescent="0.25">
      <c r="A51" s="10" t="s">
        <v>7</v>
      </c>
      <c r="B51" s="10" t="s">
        <v>7</v>
      </c>
      <c r="C51" s="10" t="s">
        <v>7</v>
      </c>
    </row>
    <row r="52" spans="1:3" x14ac:dyDescent="0.25">
      <c r="A52" s="2" t="s">
        <v>80</v>
      </c>
      <c r="B52" s="4" t="s">
        <v>595</v>
      </c>
      <c r="C52" s="12">
        <v>0</v>
      </c>
    </row>
    <row r="54" spans="1:3" x14ac:dyDescent="0.25">
      <c r="A54" s="10" t="s">
        <v>6</v>
      </c>
      <c r="B54" s="10" t="s">
        <v>596</v>
      </c>
      <c r="C54" s="10" t="s">
        <v>594</v>
      </c>
    </row>
    <row r="55" spans="1:3" x14ac:dyDescent="0.25">
      <c r="A55" s="10" t="s">
        <v>7</v>
      </c>
      <c r="B55" s="10" t="s">
        <v>7</v>
      </c>
      <c r="C55" s="10" t="s">
        <v>7</v>
      </c>
    </row>
    <row r="56" spans="1:3" x14ac:dyDescent="0.25">
      <c r="A56" s="2" t="s">
        <v>82</v>
      </c>
      <c r="B56" s="4" t="s">
        <v>595</v>
      </c>
      <c r="C56" s="12">
        <v>134138000</v>
      </c>
    </row>
    <row r="58" spans="1:3" x14ac:dyDescent="0.25">
      <c r="A58" s="10" t="s">
        <v>6</v>
      </c>
      <c r="B58" s="10" t="s">
        <v>597</v>
      </c>
      <c r="C58" s="10" t="s">
        <v>598</v>
      </c>
    </row>
    <row r="59" spans="1:3" x14ac:dyDescent="0.25">
      <c r="A59" s="10" t="s">
        <v>7</v>
      </c>
      <c r="B59" s="10" t="s">
        <v>7</v>
      </c>
      <c r="C59" s="10" t="s">
        <v>7</v>
      </c>
    </row>
    <row r="60" spans="1:3" x14ac:dyDescent="0.25">
      <c r="A60" s="2" t="s">
        <v>84</v>
      </c>
      <c r="B60" s="4" t="s">
        <v>599</v>
      </c>
      <c r="C60" s="12">
        <v>0</v>
      </c>
    </row>
    <row r="61" spans="1:3" x14ac:dyDescent="0.25">
      <c r="A61" s="2" t="s">
        <v>86</v>
      </c>
      <c r="B61" s="4" t="s">
        <v>600</v>
      </c>
      <c r="C61" s="12">
        <v>0</v>
      </c>
    </row>
    <row r="62" spans="1:3" x14ac:dyDescent="0.25">
      <c r="A62" s="2" t="s">
        <v>88</v>
      </c>
      <c r="B62" s="4" t="s">
        <v>601</v>
      </c>
      <c r="C62" s="12">
        <v>62605224.25</v>
      </c>
    </row>
    <row r="63" spans="1:3" x14ac:dyDescent="0.25">
      <c r="A63" s="2" t="s">
        <v>90</v>
      </c>
      <c r="B63" s="4" t="s">
        <v>602</v>
      </c>
      <c r="C63" s="12">
        <v>188475501.34999999</v>
      </c>
    </row>
    <row r="65" spans="1:4" x14ac:dyDescent="0.25">
      <c r="A65" s="10" t="s">
        <v>6</v>
      </c>
      <c r="B65" s="10" t="s">
        <v>603</v>
      </c>
      <c r="C65" s="10" t="s">
        <v>604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92</v>
      </c>
      <c r="B67" s="4" t="s">
        <v>605</v>
      </c>
      <c r="C67" s="12">
        <v>89386.74</v>
      </c>
    </row>
    <row r="68" spans="1:4" x14ac:dyDescent="0.25">
      <c r="A68" s="2" t="s">
        <v>94</v>
      </c>
      <c r="B68" s="4" t="s">
        <v>606</v>
      </c>
      <c r="C68" s="12">
        <v>75305424</v>
      </c>
    </row>
    <row r="69" spans="1:4" x14ac:dyDescent="0.25">
      <c r="A69" s="2" t="s">
        <v>96</v>
      </c>
      <c r="B69" s="4" t="s">
        <v>607</v>
      </c>
      <c r="C69" s="12">
        <v>0</v>
      </c>
    </row>
    <row r="71" spans="1:4" x14ac:dyDescent="0.25">
      <c r="A71" s="10" t="s">
        <v>6</v>
      </c>
      <c r="B71" s="10" t="s">
        <v>608</v>
      </c>
      <c r="C71" s="10" t="s">
        <v>10</v>
      </c>
      <c r="D71" s="10" t="s">
        <v>555</v>
      </c>
    </row>
    <row r="72" spans="1:4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4" x14ac:dyDescent="0.25">
      <c r="A73" s="3" t="s">
        <v>98</v>
      </c>
      <c r="B73" s="5" t="s">
        <v>609</v>
      </c>
      <c r="C73" s="11">
        <v>0</v>
      </c>
      <c r="D73" s="11">
        <v>0</v>
      </c>
    </row>
    <row r="74" spans="1:4" x14ac:dyDescent="0.25">
      <c r="A74" s="3" t="s">
        <v>100</v>
      </c>
      <c r="B74" s="5" t="s">
        <v>610</v>
      </c>
      <c r="C74" s="11">
        <v>0</v>
      </c>
      <c r="D74" s="11">
        <v>0</v>
      </c>
    </row>
    <row r="75" spans="1:4" x14ac:dyDescent="0.25">
      <c r="A75" s="2" t="s">
        <v>102</v>
      </c>
      <c r="B75" s="4" t="s">
        <v>611</v>
      </c>
      <c r="C75" s="12">
        <v>0</v>
      </c>
      <c r="D75" s="12">
        <v>0</v>
      </c>
    </row>
    <row r="76" spans="1:4" x14ac:dyDescent="0.25">
      <c r="A76" s="2" t="s">
        <v>104</v>
      </c>
      <c r="B76" s="4" t="s">
        <v>612</v>
      </c>
      <c r="C76" s="12">
        <v>0</v>
      </c>
      <c r="D76" s="12">
        <v>0</v>
      </c>
    </row>
    <row r="77" spans="1:4" x14ac:dyDescent="0.25">
      <c r="A77" s="2" t="s">
        <v>106</v>
      </c>
      <c r="B77" s="4" t="s">
        <v>613</v>
      </c>
      <c r="C77" s="12">
        <v>0</v>
      </c>
      <c r="D77" s="12">
        <v>0</v>
      </c>
    </row>
    <row r="78" spans="1:4" x14ac:dyDescent="0.25">
      <c r="A78" s="3" t="s">
        <v>108</v>
      </c>
      <c r="B78" s="5" t="s">
        <v>614</v>
      </c>
      <c r="C78" s="11">
        <v>0</v>
      </c>
      <c r="D78" s="11">
        <v>0</v>
      </c>
    </row>
    <row r="79" spans="1:4" x14ac:dyDescent="0.25">
      <c r="A79" s="2" t="s">
        <v>110</v>
      </c>
      <c r="B79" s="4" t="s">
        <v>611</v>
      </c>
      <c r="C79" s="12">
        <v>0</v>
      </c>
      <c r="D79" s="12">
        <v>0</v>
      </c>
    </row>
    <row r="80" spans="1:4" x14ac:dyDescent="0.25">
      <c r="A80" s="2" t="s">
        <v>112</v>
      </c>
      <c r="B80" s="4" t="s">
        <v>612</v>
      </c>
      <c r="C80" s="12">
        <v>0</v>
      </c>
      <c r="D80" s="12">
        <v>0</v>
      </c>
    </row>
    <row r="81" spans="1:7" x14ac:dyDescent="0.25">
      <c r="A81" s="2" t="s">
        <v>114</v>
      </c>
      <c r="B81" s="4" t="s">
        <v>613</v>
      </c>
      <c r="C81" s="12">
        <v>0</v>
      </c>
      <c r="D81" s="12">
        <v>0</v>
      </c>
    </row>
    <row r="82" spans="1:7" x14ac:dyDescent="0.25">
      <c r="A82" s="3" t="s">
        <v>116</v>
      </c>
      <c r="B82" s="5" t="s">
        <v>615</v>
      </c>
      <c r="C82" s="11">
        <v>0</v>
      </c>
      <c r="D82" s="11">
        <v>0</v>
      </c>
    </row>
    <row r="83" spans="1:7" x14ac:dyDescent="0.25">
      <c r="A83" s="2" t="s">
        <v>118</v>
      </c>
      <c r="B83" s="4" t="s">
        <v>616</v>
      </c>
      <c r="C83" s="12">
        <v>0</v>
      </c>
      <c r="D83" s="12">
        <v>0</v>
      </c>
    </row>
    <row r="84" spans="1:7" x14ac:dyDescent="0.25">
      <c r="A84" s="2" t="s">
        <v>120</v>
      </c>
      <c r="B84" s="4" t="s">
        <v>617</v>
      </c>
      <c r="C84" s="12">
        <v>0</v>
      </c>
      <c r="D84" s="12">
        <v>0</v>
      </c>
    </row>
    <row r="85" spans="1:7" x14ac:dyDescent="0.25">
      <c r="A85" s="2" t="s">
        <v>121</v>
      </c>
      <c r="B85" s="4" t="s">
        <v>618</v>
      </c>
      <c r="C85" s="12">
        <v>0</v>
      </c>
      <c r="D85" s="12">
        <v>0</v>
      </c>
    </row>
    <row r="86" spans="1:7" x14ac:dyDescent="0.25">
      <c r="A86" s="2" t="s">
        <v>122</v>
      </c>
      <c r="B86" s="4" t="s">
        <v>619</v>
      </c>
      <c r="C86" s="12">
        <v>0</v>
      </c>
      <c r="D86" s="12">
        <v>0</v>
      </c>
    </row>
    <row r="87" spans="1:7" x14ac:dyDescent="0.25">
      <c r="A87" s="3" t="s">
        <v>123</v>
      </c>
      <c r="B87" s="5" t="s">
        <v>620</v>
      </c>
      <c r="C87" s="11">
        <v>0</v>
      </c>
      <c r="D87" s="11">
        <v>0</v>
      </c>
    </row>
    <row r="88" spans="1:7" x14ac:dyDescent="0.25">
      <c r="A88" s="2" t="s">
        <v>124</v>
      </c>
      <c r="B88" s="4" t="s">
        <v>621</v>
      </c>
      <c r="C88" s="12">
        <v>0</v>
      </c>
      <c r="D88" s="12">
        <v>0</v>
      </c>
    </row>
    <row r="89" spans="1:7" x14ac:dyDescent="0.25">
      <c r="A89" s="2" t="s">
        <v>125</v>
      </c>
      <c r="B89" s="4" t="s">
        <v>307</v>
      </c>
      <c r="C89" s="12">
        <v>0</v>
      </c>
      <c r="D89" s="12">
        <v>0</v>
      </c>
    </row>
    <row r="90" spans="1:7" x14ac:dyDescent="0.25">
      <c r="A90" s="3" t="s">
        <v>126</v>
      </c>
      <c r="B90" s="5" t="s">
        <v>622</v>
      </c>
      <c r="C90" s="11">
        <v>0</v>
      </c>
      <c r="D90" s="11">
        <v>0</v>
      </c>
    </row>
    <row r="91" spans="1:7" x14ac:dyDescent="0.25">
      <c r="A91" s="2" t="s">
        <v>127</v>
      </c>
      <c r="B91" s="4" t="s">
        <v>623</v>
      </c>
      <c r="C91" s="12">
        <v>0</v>
      </c>
      <c r="D91" s="12">
        <v>0</v>
      </c>
    </row>
    <row r="92" spans="1:7" x14ac:dyDescent="0.25">
      <c r="A92" s="2" t="s">
        <v>128</v>
      </c>
      <c r="B92" s="4" t="s">
        <v>624</v>
      </c>
      <c r="C92" s="12">
        <v>0</v>
      </c>
      <c r="D92" s="12">
        <v>0</v>
      </c>
    </row>
    <row r="93" spans="1:7" x14ac:dyDescent="0.25">
      <c r="A93" s="2" t="s">
        <v>130</v>
      </c>
      <c r="B93" s="4" t="s">
        <v>625</v>
      </c>
      <c r="C93" s="12">
        <v>0</v>
      </c>
      <c r="D93" s="12">
        <v>0</v>
      </c>
    </row>
    <row r="94" spans="1:7" x14ac:dyDescent="0.25">
      <c r="A94" s="3" t="s">
        <v>132</v>
      </c>
      <c r="B94" s="5" t="s">
        <v>626</v>
      </c>
      <c r="C94" s="11">
        <v>0</v>
      </c>
      <c r="D94" s="11">
        <v>0</v>
      </c>
    </row>
    <row r="96" spans="1:7" x14ac:dyDescent="0.25">
      <c r="A96" s="10" t="s">
        <v>6</v>
      </c>
      <c r="B96" s="10" t="s">
        <v>627</v>
      </c>
      <c r="C96" s="10" t="s">
        <v>577</v>
      </c>
      <c r="D96" s="10" t="s">
        <v>578</v>
      </c>
      <c r="E96" s="10" t="s">
        <v>579</v>
      </c>
      <c r="F96" s="10" t="s">
        <v>580</v>
      </c>
      <c r="G96" s="10" t="s">
        <v>581</v>
      </c>
    </row>
    <row r="97" spans="1:7" x14ac:dyDescent="0.25">
      <c r="A97" s="10" t="s">
        <v>7</v>
      </c>
      <c r="B97" s="10" t="s">
        <v>7</v>
      </c>
      <c r="C97" s="10" t="s">
        <v>7</v>
      </c>
      <c r="D97" s="10" t="s">
        <v>7</v>
      </c>
      <c r="E97" s="10" t="s">
        <v>7</v>
      </c>
      <c r="F97" s="10" t="s">
        <v>7</v>
      </c>
      <c r="G97" s="10" t="s">
        <v>7</v>
      </c>
    </row>
    <row r="98" spans="1:7" x14ac:dyDescent="0.25">
      <c r="A98" s="3" t="s">
        <v>134</v>
      </c>
      <c r="B98" s="5" t="s">
        <v>582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</row>
    <row r="99" spans="1:7" x14ac:dyDescent="0.25">
      <c r="A99" s="2" t="s">
        <v>136</v>
      </c>
      <c r="B99" s="4" t="s">
        <v>628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38</v>
      </c>
      <c r="B100" s="4" t="s">
        <v>584</v>
      </c>
      <c r="C100" s="12">
        <v>0</v>
      </c>
      <c r="D100" s="12">
        <v>0</v>
      </c>
      <c r="E100" s="12">
        <v>0</v>
      </c>
      <c r="F100" s="12">
        <v>0</v>
      </c>
      <c r="G100" s="12">
        <v>0</v>
      </c>
    </row>
    <row r="101" spans="1:7" x14ac:dyDescent="0.25">
      <c r="A101" s="3" t="s">
        <v>140</v>
      </c>
      <c r="B101" s="5" t="s">
        <v>585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</row>
    <row r="102" spans="1:7" x14ac:dyDescent="0.25">
      <c r="A102" s="2" t="s">
        <v>142</v>
      </c>
      <c r="B102" s="4" t="s">
        <v>629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</row>
    <row r="103" spans="1:7" x14ac:dyDescent="0.25">
      <c r="A103" s="2" t="s">
        <v>144</v>
      </c>
      <c r="B103" s="4" t="s">
        <v>586</v>
      </c>
      <c r="C103" s="12">
        <v>0</v>
      </c>
      <c r="D103" s="12">
        <v>0</v>
      </c>
      <c r="E103" s="12">
        <v>0</v>
      </c>
      <c r="F103" s="12">
        <v>0</v>
      </c>
      <c r="G103" s="12">
        <v>0</v>
      </c>
    </row>
    <row r="104" spans="1:7" x14ac:dyDescent="0.25">
      <c r="A104" s="3" t="s">
        <v>146</v>
      </c>
      <c r="B104" s="5" t="s">
        <v>63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</row>
    <row r="106" spans="1:7" x14ac:dyDescent="0.25">
      <c r="A106" s="10" t="s">
        <v>6</v>
      </c>
      <c r="B106" s="10" t="s">
        <v>631</v>
      </c>
      <c r="C106" s="10" t="s">
        <v>577</v>
      </c>
      <c r="D106" s="10" t="s">
        <v>578</v>
      </c>
      <c r="E106" s="10" t="s">
        <v>579</v>
      </c>
      <c r="F106" s="10" t="s">
        <v>580</v>
      </c>
      <c r="G106" s="10" t="s">
        <v>581</v>
      </c>
    </row>
    <row r="107" spans="1:7" x14ac:dyDescent="0.25">
      <c r="A107" s="10" t="s">
        <v>7</v>
      </c>
      <c r="B107" s="10" t="s">
        <v>7</v>
      </c>
      <c r="C107" s="10" t="s">
        <v>7</v>
      </c>
      <c r="D107" s="10" t="s">
        <v>7</v>
      </c>
      <c r="E107" s="10" t="s">
        <v>7</v>
      </c>
      <c r="F107" s="10" t="s">
        <v>7</v>
      </c>
      <c r="G107" s="10" t="s">
        <v>7</v>
      </c>
    </row>
    <row r="108" spans="1:7" x14ac:dyDescent="0.25">
      <c r="A108" s="2" t="s">
        <v>148</v>
      </c>
      <c r="B108" s="4" t="s">
        <v>632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</row>
    <row r="110" spans="1:7" x14ac:dyDescent="0.25">
      <c r="A110" s="10" t="s">
        <v>6</v>
      </c>
      <c r="B110" s="10" t="s">
        <v>633</v>
      </c>
      <c r="C110" s="10" t="s">
        <v>598</v>
      </c>
    </row>
    <row r="111" spans="1:7" x14ac:dyDescent="0.25">
      <c r="A111" s="10" t="s">
        <v>7</v>
      </c>
      <c r="B111" s="10" t="s">
        <v>7</v>
      </c>
      <c r="C111" s="10" t="s">
        <v>7</v>
      </c>
    </row>
    <row r="112" spans="1:7" x14ac:dyDescent="0.25">
      <c r="A112" s="2" t="s">
        <v>150</v>
      </c>
      <c r="B112" s="4" t="s">
        <v>634</v>
      </c>
      <c r="C112" s="12">
        <v>0</v>
      </c>
    </row>
    <row r="113" spans="1:7" x14ac:dyDescent="0.25">
      <c r="A113" s="2" t="s">
        <v>152</v>
      </c>
      <c r="B113" s="4" t="s">
        <v>635</v>
      </c>
      <c r="C113" s="12">
        <v>0</v>
      </c>
    </row>
    <row r="115" spans="1:7" x14ac:dyDescent="0.25">
      <c r="A115" s="10" t="s">
        <v>6</v>
      </c>
      <c r="B115" s="10" t="s">
        <v>636</v>
      </c>
      <c r="C115" s="10" t="s">
        <v>10</v>
      </c>
      <c r="D115" s="10" t="s">
        <v>555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</row>
    <row r="117" spans="1:7" x14ac:dyDescent="0.25">
      <c r="A117" s="2" t="s">
        <v>153</v>
      </c>
      <c r="B117" s="4" t="s">
        <v>637</v>
      </c>
      <c r="C117" s="12">
        <v>8000000</v>
      </c>
      <c r="D117" s="12">
        <v>0</v>
      </c>
    </row>
    <row r="118" spans="1:7" x14ac:dyDescent="0.25">
      <c r="A118" s="3" t="s">
        <v>154</v>
      </c>
      <c r="B118" s="5" t="s">
        <v>638</v>
      </c>
      <c r="C118" s="11">
        <v>8000000</v>
      </c>
      <c r="D118" s="11">
        <v>0</v>
      </c>
    </row>
    <row r="120" spans="1:7" x14ac:dyDescent="0.25">
      <c r="A120" s="10" t="s">
        <v>6</v>
      </c>
      <c r="B120" s="10" t="s">
        <v>639</v>
      </c>
      <c r="C120" s="10" t="s">
        <v>577</v>
      </c>
      <c r="D120" s="10" t="s">
        <v>578</v>
      </c>
      <c r="E120" s="10" t="s">
        <v>579</v>
      </c>
      <c r="F120" s="10" t="s">
        <v>580</v>
      </c>
      <c r="G120" s="10" t="s">
        <v>581</v>
      </c>
    </row>
    <row r="121" spans="1:7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0" t="s">
        <v>7</v>
      </c>
      <c r="F121" s="10" t="s">
        <v>7</v>
      </c>
      <c r="G121" s="10" t="s">
        <v>7</v>
      </c>
    </row>
    <row r="122" spans="1:7" x14ac:dyDescent="0.25">
      <c r="A122" s="3" t="s">
        <v>156</v>
      </c>
      <c r="B122" s="5" t="s">
        <v>640</v>
      </c>
      <c r="C122" s="11">
        <v>26166512.539999999</v>
      </c>
      <c r="D122" s="11">
        <v>8668836.8599999994</v>
      </c>
      <c r="E122" s="11">
        <v>8408818.5500000007</v>
      </c>
      <c r="F122" s="11">
        <v>8408500.3000000007</v>
      </c>
      <c r="G122" s="11">
        <v>0</v>
      </c>
    </row>
    <row r="123" spans="1:7" x14ac:dyDescent="0.25">
      <c r="A123" s="2" t="s">
        <v>158</v>
      </c>
      <c r="B123" s="4" t="s">
        <v>641</v>
      </c>
      <c r="C123" s="12">
        <v>6822260</v>
      </c>
      <c r="D123" s="12">
        <v>2212692.86</v>
      </c>
      <c r="E123" s="12">
        <v>2140215.2000000002</v>
      </c>
      <c r="F123" s="12">
        <v>2140215.2000000002</v>
      </c>
      <c r="G123" s="12">
        <v>0</v>
      </c>
    </row>
    <row r="124" spans="1:7" x14ac:dyDescent="0.25">
      <c r="A124" s="2" t="s">
        <v>160</v>
      </c>
      <c r="B124" s="4" t="s">
        <v>642</v>
      </c>
      <c r="C124" s="12">
        <v>19344252.539999999</v>
      </c>
      <c r="D124" s="12">
        <v>6456144</v>
      </c>
      <c r="E124" s="12">
        <v>6268603.3499999996</v>
      </c>
      <c r="F124" s="12">
        <v>6268285.0999999996</v>
      </c>
      <c r="G124" s="12">
        <v>0</v>
      </c>
    </row>
    <row r="125" spans="1:7" x14ac:dyDescent="0.25">
      <c r="A125" s="2" t="s">
        <v>162</v>
      </c>
      <c r="B125" s="4" t="s">
        <v>643</v>
      </c>
      <c r="C125" s="12">
        <v>126340</v>
      </c>
      <c r="D125" s="12">
        <v>21590</v>
      </c>
      <c r="E125" s="12">
        <v>770</v>
      </c>
      <c r="F125" s="12">
        <v>770</v>
      </c>
      <c r="G125" s="12">
        <v>0</v>
      </c>
    </row>
    <row r="126" spans="1:7" x14ac:dyDescent="0.25">
      <c r="A126" s="3" t="s">
        <v>164</v>
      </c>
      <c r="B126" s="5" t="s">
        <v>644</v>
      </c>
      <c r="C126" s="11">
        <v>26292852.539999999</v>
      </c>
      <c r="D126" s="11">
        <v>8690426.8599999994</v>
      </c>
      <c r="E126" s="11">
        <v>8409588.5500000007</v>
      </c>
      <c r="F126" s="11">
        <v>8409270.3000000007</v>
      </c>
      <c r="G126" s="11">
        <v>0</v>
      </c>
    </row>
    <row r="128" spans="1:7" x14ac:dyDescent="0.25">
      <c r="A128" s="10" t="s">
        <v>6</v>
      </c>
      <c r="B128" s="10" t="s">
        <v>645</v>
      </c>
      <c r="C128" s="10" t="s">
        <v>577</v>
      </c>
      <c r="D128" s="10" t="s">
        <v>578</v>
      </c>
      <c r="E128" s="10" t="s">
        <v>579</v>
      </c>
      <c r="F128" s="10" t="s">
        <v>580</v>
      </c>
      <c r="G128" s="10" t="s">
        <v>581</v>
      </c>
    </row>
    <row r="129" spans="1:7" x14ac:dyDescent="0.25">
      <c r="A129" s="10" t="s">
        <v>7</v>
      </c>
      <c r="B129" s="10" t="s">
        <v>7</v>
      </c>
      <c r="C129" s="10" t="s">
        <v>7</v>
      </c>
      <c r="D129" s="10" t="s">
        <v>7</v>
      </c>
      <c r="E129" s="10" t="s">
        <v>7</v>
      </c>
      <c r="F129" s="10" t="s">
        <v>7</v>
      </c>
      <c r="G129" s="10" t="s">
        <v>7</v>
      </c>
    </row>
    <row r="130" spans="1:7" x14ac:dyDescent="0.25">
      <c r="A130" s="2" t="s">
        <v>177</v>
      </c>
      <c r="B130" s="4" t="s">
        <v>646</v>
      </c>
      <c r="C130" s="12">
        <v>-18292852.539999999</v>
      </c>
      <c r="D130" s="12">
        <v>-8690426.8599999994</v>
      </c>
      <c r="E130" s="12">
        <v>-8409588.5500000007</v>
      </c>
      <c r="F130" s="12">
        <v>-8409270.3000000007</v>
      </c>
      <c r="G130" s="12">
        <v>0</v>
      </c>
    </row>
    <row r="132" spans="1:7" x14ac:dyDescent="0.25">
      <c r="A132" s="10" t="s">
        <v>6</v>
      </c>
      <c r="B132" s="10" t="s">
        <v>647</v>
      </c>
      <c r="C132" s="10" t="s">
        <v>10</v>
      </c>
      <c r="D132" s="10" t="s">
        <v>555</v>
      </c>
    </row>
    <row r="133" spans="1:7" x14ac:dyDescent="0.25">
      <c r="A133" s="10" t="s">
        <v>7</v>
      </c>
      <c r="B133" s="10" t="s">
        <v>7</v>
      </c>
      <c r="C133" s="10" t="s">
        <v>7</v>
      </c>
      <c r="D133" s="10" t="s">
        <v>7</v>
      </c>
    </row>
    <row r="134" spans="1:7" x14ac:dyDescent="0.25">
      <c r="A134" s="2" t="s">
        <v>179</v>
      </c>
      <c r="B134" s="4" t="s">
        <v>648</v>
      </c>
      <c r="C134" s="12">
        <v>0</v>
      </c>
      <c r="D134" s="12">
        <v>0</v>
      </c>
    </row>
    <row r="135" spans="1:7" x14ac:dyDescent="0.25">
      <c r="A135" s="2" t="s">
        <v>181</v>
      </c>
      <c r="B135" s="4" t="s">
        <v>649</v>
      </c>
      <c r="C135" s="12">
        <v>0</v>
      </c>
      <c r="D135" s="12">
        <v>0</v>
      </c>
    </row>
    <row r="136" spans="1:7" x14ac:dyDescent="0.25">
      <c r="A136" s="3" t="s">
        <v>183</v>
      </c>
      <c r="B136" s="5" t="s">
        <v>650</v>
      </c>
      <c r="C136" s="11">
        <v>0</v>
      </c>
      <c r="D136" s="11">
        <v>0</v>
      </c>
    </row>
    <row r="138" spans="1:7" x14ac:dyDescent="0.25">
      <c r="A138" s="10" t="s">
        <v>6</v>
      </c>
      <c r="B138" s="10" t="s">
        <v>651</v>
      </c>
      <c r="C138" s="10" t="s">
        <v>577</v>
      </c>
      <c r="D138" s="10" t="s">
        <v>578</v>
      </c>
      <c r="E138" s="10" t="s">
        <v>579</v>
      </c>
      <c r="F138" s="10" t="s">
        <v>580</v>
      </c>
      <c r="G138" s="10" t="s">
        <v>581</v>
      </c>
    </row>
    <row r="139" spans="1:7" x14ac:dyDescent="0.25">
      <c r="A139" s="10" t="s">
        <v>7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0" t="s">
        <v>7</v>
      </c>
    </row>
    <row r="140" spans="1:7" x14ac:dyDescent="0.25">
      <c r="A140" s="2" t="s">
        <v>185</v>
      </c>
      <c r="B140" s="4" t="s">
        <v>652</v>
      </c>
      <c r="C140" s="12">
        <v>565513308.96000004</v>
      </c>
      <c r="D140" s="12">
        <v>482886338.31</v>
      </c>
      <c r="E140" s="12">
        <v>464040940.76999998</v>
      </c>
      <c r="F140" s="12">
        <v>464040940.76999998</v>
      </c>
      <c r="G140" s="12">
        <v>0</v>
      </c>
    </row>
    <row r="141" spans="1:7" x14ac:dyDescent="0.25">
      <c r="A141" s="2" t="s">
        <v>187</v>
      </c>
      <c r="B141" s="4" t="s">
        <v>653</v>
      </c>
      <c r="C141" s="12">
        <v>81433999.530000001</v>
      </c>
      <c r="D141" s="12">
        <v>54103042.539999999</v>
      </c>
      <c r="E141" s="12">
        <v>52727652.490000002</v>
      </c>
      <c r="F141" s="12">
        <v>52727652.490000002</v>
      </c>
      <c r="G141" s="12">
        <v>0</v>
      </c>
    </row>
    <row r="142" spans="1:7" x14ac:dyDescent="0.25">
      <c r="A142" s="2" t="s">
        <v>189</v>
      </c>
      <c r="B142" s="4" t="s">
        <v>585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</row>
    <row r="143" spans="1:7" x14ac:dyDescent="0.25">
      <c r="A143" s="3" t="s">
        <v>191</v>
      </c>
      <c r="B143" s="5" t="s">
        <v>654</v>
      </c>
      <c r="C143" s="11">
        <v>646947308.49000001</v>
      </c>
      <c r="D143" s="11">
        <v>536989380.85000002</v>
      </c>
      <c r="E143" s="11">
        <v>516768593.25999999</v>
      </c>
      <c r="F143" s="11">
        <v>516768593.25999999</v>
      </c>
      <c r="G143" s="11">
        <v>0</v>
      </c>
    </row>
    <row r="145" spans="1:7" x14ac:dyDescent="0.25">
      <c r="A145" s="10" t="s">
        <v>6</v>
      </c>
      <c r="B145" s="10" t="s">
        <v>655</v>
      </c>
      <c r="C145" s="10" t="s">
        <v>577</v>
      </c>
      <c r="D145" s="10" t="s">
        <v>578</v>
      </c>
      <c r="E145" s="10" t="s">
        <v>579</v>
      </c>
      <c r="F145" s="10" t="s">
        <v>580</v>
      </c>
      <c r="G145" s="10" t="s">
        <v>581</v>
      </c>
    </row>
    <row r="146" spans="1:7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0" t="s">
        <v>7</v>
      </c>
      <c r="F146" s="10" t="s">
        <v>7</v>
      </c>
      <c r="G146" s="10" t="s">
        <v>7</v>
      </c>
    </row>
    <row r="147" spans="1:7" x14ac:dyDescent="0.25">
      <c r="A147" s="2" t="s">
        <v>193</v>
      </c>
      <c r="B147" s="4" t="s">
        <v>656</v>
      </c>
      <c r="C147" s="12">
        <v>-646947308.49000001</v>
      </c>
      <c r="D147" s="12">
        <v>-536989380.85000002</v>
      </c>
      <c r="E147" s="12">
        <v>-516768593.25999999</v>
      </c>
      <c r="F147" s="12">
        <v>-516768593.25999999</v>
      </c>
      <c r="G147" s="12">
        <v>0</v>
      </c>
    </row>
    <row r="149" spans="1:7" x14ac:dyDescent="0.25">
      <c r="A149" s="10" t="s">
        <v>6</v>
      </c>
      <c r="B149" s="10" t="s">
        <v>657</v>
      </c>
      <c r="C149" s="10" t="s">
        <v>10</v>
      </c>
      <c r="D149" s="10" t="s">
        <v>555</v>
      </c>
    </row>
    <row r="150" spans="1:7" x14ac:dyDescent="0.25">
      <c r="A150" s="10" t="s">
        <v>7</v>
      </c>
      <c r="B150" s="10" t="s">
        <v>7</v>
      </c>
      <c r="C150" s="10" t="s">
        <v>7</v>
      </c>
      <c r="D150" s="10" t="s">
        <v>7</v>
      </c>
    </row>
    <row r="151" spans="1:7" x14ac:dyDescent="0.25">
      <c r="A151" s="2" t="s">
        <v>195</v>
      </c>
      <c r="B151" s="4" t="s">
        <v>658</v>
      </c>
      <c r="C151" s="12">
        <v>275903900</v>
      </c>
      <c r="D151" s="12">
        <v>34782250.409999996</v>
      </c>
    </row>
    <row r="152" spans="1:7" x14ac:dyDescent="0.25">
      <c r="A152" s="2" t="s">
        <v>197</v>
      </c>
      <c r="B152" s="4" t="s">
        <v>659</v>
      </c>
      <c r="C152" s="12">
        <v>93536700</v>
      </c>
      <c r="D152" s="12">
        <v>31933817.91</v>
      </c>
    </row>
    <row r="153" spans="1:7" x14ac:dyDescent="0.25">
      <c r="A153" s="2" t="s">
        <v>199</v>
      </c>
      <c r="B153" s="4" t="s">
        <v>660</v>
      </c>
      <c r="C153" s="12">
        <v>10912800</v>
      </c>
      <c r="D153" s="12">
        <v>4509941.96</v>
      </c>
    </row>
    <row r="154" spans="1:7" x14ac:dyDescent="0.25">
      <c r="A154" s="2" t="s">
        <v>201</v>
      </c>
      <c r="B154" s="4" t="s">
        <v>661</v>
      </c>
      <c r="C154" s="12">
        <v>0</v>
      </c>
      <c r="D154" s="12">
        <v>0</v>
      </c>
    </row>
    <row r="155" spans="1:7" x14ac:dyDescent="0.25">
      <c r="A155" s="3" t="s">
        <v>203</v>
      </c>
      <c r="B155" s="5" t="s">
        <v>662</v>
      </c>
      <c r="C155" s="11">
        <v>380353400</v>
      </c>
      <c r="D155" s="11">
        <v>71226010.280000001</v>
      </c>
    </row>
    <row r="157" spans="1:7" x14ac:dyDescent="0.25">
      <c r="A157" s="10" t="s">
        <v>6</v>
      </c>
      <c r="B157" s="10" t="s">
        <v>663</v>
      </c>
      <c r="C157" s="10" t="s">
        <v>577</v>
      </c>
      <c r="D157" s="10" t="s">
        <v>578</v>
      </c>
      <c r="E157" s="10" t="s">
        <v>579</v>
      </c>
      <c r="F157" s="10" t="s">
        <v>580</v>
      </c>
      <c r="G157" s="10" t="s">
        <v>581</v>
      </c>
    </row>
    <row r="158" spans="1:7" x14ac:dyDescent="0.25">
      <c r="A158" s="10" t="s">
        <v>7</v>
      </c>
      <c r="B158" s="10" t="s">
        <v>7</v>
      </c>
      <c r="C158" s="10" t="s">
        <v>7</v>
      </c>
      <c r="D158" s="10" t="s">
        <v>7</v>
      </c>
      <c r="E158" s="10" t="s">
        <v>7</v>
      </c>
      <c r="F158" s="10" t="s">
        <v>7</v>
      </c>
      <c r="G158" s="10" t="s">
        <v>7</v>
      </c>
    </row>
    <row r="159" spans="1:7" x14ac:dyDescent="0.25">
      <c r="A159" s="2" t="s">
        <v>205</v>
      </c>
      <c r="B159" s="4" t="s">
        <v>664</v>
      </c>
      <c r="C159" s="12">
        <v>95160000</v>
      </c>
      <c r="D159" s="12">
        <v>72208421.790000007</v>
      </c>
      <c r="E159" s="12">
        <v>71052584.170000002</v>
      </c>
      <c r="F159" s="12">
        <v>71052584.170000002</v>
      </c>
      <c r="G159" s="12">
        <v>0</v>
      </c>
    </row>
    <row r="160" spans="1:7" x14ac:dyDescent="0.25">
      <c r="A160" s="2" t="s">
        <v>207</v>
      </c>
      <c r="B160" s="4" t="s">
        <v>653</v>
      </c>
      <c r="C160" s="12">
        <v>4840000</v>
      </c>
      <c r="D160" s="12">
        <v>4503318.0199999996</v>
      </c>
      <c r="E160" s="12">
        <v>4384519.03</v>
      </c>
      <c r="F160" s="12">
        <v>4384519.03</v>
      </c>
      <c r="G160" s="12">
        <v>0</v>
      </c>
    </row>
    <row r="161" spans="1:7" x14ac:dyDescent="0.25">
      <c r="A161" s="2" t="s">
        <v>209</v>
      </c>
      <c r="B161" s="4" t="s">
        <v>665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</row>
    <row r="162" spans="1:7" x14ac:dyDescent="0.25">
      <c r="A162" s="3" t="s">
        <v>211</v>
      </c>
      <c r="B162" s="5" t="s">
        <v>666</v>
      </c>
      <c r="C162" s="11">
        <v>100000000</v>
      </c>
      <c r="D162" s="11">
        <v>76711739.810000002</v>
      </c>
      <c r="E162" s="11">
        <v>75437103.200000003</v>
      </c>
      <c r="F162" s="11">
        <v>75437103.200000003</v>
      </c>
      <c r="G162" s="11">
        <v>0</v>
      </c>
    </row>
    <row r="164" spans="1:7" x14ac:dyDescent="0.25">
      <c r="A164" s="10" t="s">
        <v>6</v>
      </c>
      <c r="B164" s="10" t="s">
        <v>667</v>
      </c>
      <c r="C164" s="10" t="s">
        <v>577</v>
      </c>
      <c r="D164" s="10" t="s">
        <v>578</v>
      </c>
      <c r="E164" s="10" t="s">
        <v>579</v>
      </c>
      <c r="F164" s="10" t="s">
        <v>580</v>
      </c>
      <c r="G164" s="10" t="s">
        <v>581</v>
      </c>
    </row>
    <row r="165" spans="1:7" x14ac:dyDescent="0.25">
      <c r="A165" s="10" t="s">
        <v>7</v>
      </c>
      <c r="B165" s="10" t="s">
        <v>7</v>
      </c>
      <c r="C165" s="10" t="s">
        <v>7</v>
      </c>
      <c r="D165" s="10" t="s">
        <v>7</v>
      </c>
      <c r="E165" s="10" t="s">
        <v>7</v>
      </c>
      <c r="F165" s="10" t="s">
        <v>7</v>
      </c>
      <c r="G165" s="10" t="s">
        <v>7</v>
      </c>
    </row>
    <row r="166" spans="1:7" x14ac:dyDescent="0.25">
      <c r="A166" s="2" t="s">
        <v>213</v>
      </c>
      <c r="B166" s="4" t="s">
        <v>668</v>
      </c>
      <c r="C166" s="12">
        <v>280353400</v>
      </c>
      <c r="D166" s="12">
        <v>-5485729.5300000003</v>
      </c>
      <c r="E166" s="12">
        <v>-4211092.92</v>
      </c>
      <c r="F166" s="12">
        <v>-4211092.92</v>
      </c>
      <c r="G166" s="12">
        <v>0</v>
      </c>
    </row>
  </sheetData>
  <mergeCells count="111">
    <mergeCell ref="E157:E158"/>
    <mergeCell ref="F157:F158"/>
    <mergeCell ref="G157:G158"/>
    <mergeCell ref="A164:A165"/>
    <mergeCell ref="B164:B165"/>
    <mergeCell ref="C164:C165"/>
    <mergeCell ref="D164:D165"/>
    <mergeCell ref="E164:E165"/>
    <mergeCell ref="F164:F165"/>
    <mergeCell ref="G164:G165"/>
    <mergeCell ref="A149:A150"/>
    <mergeCell ref="B149:B150"/>
    <mergeCell ref="C149:C150"/>
    <mergeCell ref="D149:D150"/>
    <mergeCell ref="A157:A158"/>
    <mergeCell ref="B157:B158"/>
    <mergeCell ref="C157:C158"/>
    <mergeCell ref="D157:D158"/>
    <mergeCell ref="E138:E139"/>
    <mergeCell ref="F138:F139"/>
    <mergeCell ref="G138:G139"/>
    <mergeCell ref="A145:A146"/>
    <mergeCell ref="B145:B146"/>
    <mergeCell ref="C145:C146"/>
    <mergeCell ref="D145:D146"/>
    <mergeCell ref="E145:E146"/>
    <mergeCell ref="F145:F146"/>
    <mergeCell ref="G145:G146"/>
    <mergeCell ref="A132:A133"/>
    <mergeCell ref="B132:B133"/>
    <mergeCell ref="C132:C133"/>
    <mergeCell ref="D132:D133"/>
    <mergeCell ref="A138:A139"/>
    <mergeCell ref="B138:B139"/>
    <mergeCell ref="C138:C139"/>
    <mergeCell ref="D138:D139"/>
    <mergeCell ref="E120:E121"/>
    <mergeCell ref="F120:F121"/>
    <mergeCell ref="G120:G121"/>
    <mergeCell ref="A128:A129"/>
    <mergeCell ref="B128:B129"/>
    <mergeCell ref="C128:C129"/>
    <mergeCell ref="D128:D129"/>
    <mergeCell ref="E128:E129"/>
    <mergeCell ref="F128:F129"/>
    <mergeCell ref="G128:G129"/>
    <mergeCell ref="D115:D116"/>
    <mergeCell ref="A120:A121"/>
    <mergeCell ref="B120:B121"/>
    <mergeCell ref="C120:C121"/>
    <mergeCell ref="D120:D121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topLeftCell="C119" workbookViewId="0">
      <selection activeCell="C129" sqref="C129:H136"/>
    </sheetView>
  </sheetViews>
  <sheetFormatPr defaultRowHeight="15" x14ac:dyDescent="0.25"/>
  <cols>
    <col min="1" max="1" width="2.7109375" bestFit="1" customWidth="1"/>
    <col min="2" max="2" width="85" bestFit="1" customWidth="1"/>
    <col min="3" max="4" width="20.28515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69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70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71</v>
      </c>
      <c r="C10" s="10" t="s">
        <v>672</v>
      </c>
      <c r="D10" s="1" t="s">
        <v>673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74</v>
      </c>
    </row>
    <row r="12" spans="1:9" x14ac:dyDescent="0.25">
      <c r="A12" s="3" t="s">
        <v>17</v>
      </c>
      <c r="B12" s="5" t="s">
        <v>556</v>
      </c>
      <c r="C12" s="11">
        <v>14300939015</v>
      </c>
      <c r="D12" s="11">
        <v>11062994987.93</v>
      </c>
    </row>
    <row r="13" spans="1:9" x14ac:dyDescent="0.25">
      <c r="A13" s="3" t="s">
        <v>19</v>
      </c>
      <c r="B13" s="5" t="s">
        <v>675</v>
      </c>
      <c r="C13" s="11">
        <v>7765745900</v>
      </c>
      <c r="D13" s="11">
        <v>6286444072.4399996</v>
      </c>
    </row>
    <row r="14" spans="1:9" x14ac:dyDescent="0.25">
      <c r="A14" s="2" t="s">
        <v>21</v>
      </c>
      <c r="B14" s="4" t="s">
        <v>676</v>
      </c>
      <c r="C14" s="12">
        <v>6049418100</v>
      </c>
      <c r="D14" s="12">
        <v>4911014499.8100004</v>
      </c>
    </row>
    <row r="15" spans="1:9" x14ac:dyDescent="0.25">
      <c r="A15" s="2" t="s">
        <v>23</v>
      </c>
      <c r="B15" s="4" t="s">
        <v>677</v>
      </c>
      <c r="C15" s="12">
        <v>292321400</v>
      </c>
      <c r="D15" s="12">
        <v>295321440</v>
      </c>
    </row>
    <row r="16" spans="1:9" x14ac:dyDescent="0.25">
      <c r="A16" s="2" t="s">
        <v>25</v>
      </c>
      <c r="B16" s="4" t="s">
        <v>678</v>
      </c>
      <c r="C16" s="12">
        <v>146275700</v>
      </c>
      <c r="D16" s="12">
        <v>197290005.33000001</v>
      </c>
    </row>
    <row r="17" spans="1:4" x14ac:dyDescent="0.25">
      <c r="A17" s="2" t="s">
        <v>27</v>
      </c>
      <c r="B17" s="4" t="s">
        <v>679</v>
      </c>
      <c r="C17" s="12">
        <v>992521700</v>
      </c>
      <c r="D17" s="12">
        <v>661498371.24000001</v>
      </c>
    </row>
    <row r="18" spans="1:4" x14ac:dyDescent="0.25">
      <c r="A18" s="2" t="s">
        <v>30</v>
      </c>
      <c r="B18" s="4" t="s">
        <v>680</v>
      </c>
      <c r="C18" s="12">
        <v>285209000</v>
      </c>
      <c r="D18" s="12">
        <v>221319756.06</v>
      </c>
    </row>
    <row r="19" spans="1:4" x14ac:dyDescent="0.25">
      <c r="A19" s="2" t="s">
        <v>32</v>
      </c>
      <c r="B19" s="4" t="s">
        <v>681</v>
      </c>
      <c r="C19" s="12">
        <v>870355100</v>
      </c>
      <c r="D19" s="12">
        <v>567859930.35000002</v>
      </c>
    </row>
    <row r="20" spans="1:4" x14ac:dyDescent="0.25">
      <c r="A20" s="3" t="s">
        <v>34</v>
      </c>
      <c r="B20" s="5" t="s">
        <v>562</v>
      </c>
      <c r="C20" s="11">
        <v>110822700</v>
      </c>
      <c r="D20" s="11">
        <v>134432960.91</v>
      </c>
    </row>
    <row r="21" spans="1:4" x14ac:dyDescent="0.25">
      <c r="A21" s="2" t="s">
        <v>36</v>
      </c>
      <c r="B21" s="4" t="s">
        <v>682</v>
      </c>
      <c r="C21" s="12">
        <v>64343900</v>
      </c>
      <c r="D21" s="12">
        <v>67175104.200000003</v>
      </c>
    </row>
    <row r="22" spans="1:4" x14ac:dyDescent="0.25">
      <c r="A22" s="2" t="s">
        <v>38</v>
      </c>
      <c r="B22" s="4" t="s">
        <v>565</v>
      </c>
      <c r="C22" s="12">
        <v>46478800</v>
      </c>
      <c r="D22" s="12">
        <v>67257856.709999993</v>
      </c>
    </row>
    <row r="23" spans="1:4" x14ac:dyDescent="0.25">
      <c r="A23" s="3" t="s">
        <v>40</v>
      </c>
      <c r="B23" s="5" t="s">
        <v>683</v>
      </c>
      <c r="C23" s="11">
        <v>4572938200</v>
      </c>
      <c r="D23" s="11">
        <v>3469064743.6900001</v>
      </c>
    </row>
    <row r="24" spans="1:4" x14ac:dyDescent="0.25">
      <c r="A24" s="2" t="s">
        <v>42</v>
      </c>
      <c r="B24" s="4" t="s">
        <v>684</v>
      </c>
      <c r="C24" s="12">
        <v>1018995300</v>
      </c>
      <c r="D24" s="12">
        <v>900304476.09000003</v>
      </c>
    </row>
    <row r="25" spans="1:4" x14ac:dyDescent="0.25">
      <c r="A25" s="2" t="s">
        <v>44</v>
      </c>
      <c r="B25" s="4" t="s">
        <v>685</v>
      </c>
      <c r="C25" s="12">
        <v>15230500</v>
      </c>
      <c r="D25" s="12">
        <v>0</v>
      </c>
    </row>
    <row r="26" spans="1:4" x14ac:dyDescent="0.25">
      <c r="A26" s="2" t="s">
        <v>46</v>
      </c>
      <c r="B26" s="4" t="s">
        <v>686</v>
      </c>
      <c r="C26" s="12">
        <v>66295000</v>
      </c>
      <c r="D26" s="12">
        <v>54943771.740000002</v>
      </c>
    </row>
    <row r="27" spans="1:4" x14ac:dyDescent="0.25">
      <c r="A27" s="2" t="s">
        <v>48</v>
      </c>
      <c r="B27" s="4" t="s">
        <v>687</v>
      </c>
      <c r="C27" s="12">
        <v>1205818000</v>
      </c>
      <c r="D27" s="12">
        <v>900702471.28999996</v>
      </c>
    </row>
    <row r="28" spans="1:4" x14ac:dyDescent="0.25">
      <c r="A28" s="2" t="s">
        <v>50</v>
      </c>
      <c r="B28" s="4" t="s">
        <v>688</v>
      </c>
      <c r="C28" s="12">
        <v>2266599400</v>
      </c>
      <c r="D28" s="12">
        <v>1613114024.5699999</v>
      </c>
    </row>
    <row r="29" spans="1:4" x14ac:dyDescent="0.25">
      <c r="A29" s="3" t="s">
        <v>52</v>
      </c>
      <c r="B29" s="5" t="s">
        <v>689</v>
      </c>
      <c r="C29" s="11">
        <v>981077115</v>
      </c>
      <c r="D29" s="11">
        <v>605193280.53999996</v>
      </c>
    </row>
    <row r="30" spans="1:4" x14ac:dyDescent="0.25">
      <c r="A30" s="2" t="s">
        <v>54</v>
      </c>
      <c r="B30" s="4" t="s">
        <v>690</v>
      </c>
      <c r="C30" s="12">
        <v>1763300</v>
      </c>
      <c r="D30" s="12">
        <v>1519914.33</v>
      </c>
    </row>
    <row r="31" spans="1:4" x14ac:dyDescent="0.25">
      <c r="A31" s="2" t="s">
        <v>56</v>
      </c>
      <c r="B31" s="4" t="s">
        <v>691</v>
      </c>
      <c r="C31" s="12">
        <v>979313815</v>
      </c>
      <c r="D31" s="12">
        <v>603673366.21000004</v>
      </c>
    </row>
    <row r="32" spans="1:4" x14ac:dyDescent="0.25">
      <c r="A32" s="2" t="s">
        <v>58</v>
      </c>
      <c r="B32" s="4" t="s">
        <v>692</v>
      </c>
      <c r="C32" s="12">
        <v>14234831815</v>
      </c>
      <c r="D32" s="12">
        <v>10994299969.4</v>
      </c>
    </row>
    <row r="33" spans="1:4" x14ac:dyDescent="0.25">
      <c r="A33" s="3" t="s">
        <v>60</v>
      </c>
      <c r="B33" s="5" t="s">
        <v>693</v>
      </c>
      <c r="C33" s="11">
        <v>1428119473</v>
      </c>
      <c r="D33" s="11">
        <v>149708885.69999999</v>
      </c>
    </row>
    <row r="34" spans="1:4" x14ac:dyDescent="0.25">
      <c r="A34" s="2" t="s">
        <v>62</v>
      </c>
      <c r="B34" s="4" t="s">
        <v>694</v>
      </c>
      <c r="C34" s="12">
        <v>153113200</v>
      </c>
      <c r="D34" s="12">
        <v>89394959.689999998</v>
      </c>
    </row>
    <row r="35" spans="1:4" x14ac:dyDescent="0.25">
      <c r="A35" s="2" t="s">
        <v>64</v>
      </c>
      <c r="B35" s="4" t="s">
        <v>695</v>
      </c>
      <c r="C35" s="12">
        <v>8150600</v>
      </c>
      <c r="D35" s="12">
        <v>6596842.7000000002</v>
      </c>
    </row>
    <row r="36" spans="1:4" x14ac:dyDescent="0.25">
      <c r="A36" s="3" t="s">
        <v>66</v>
      </c>
      <c r="B36" s="5" t="s">
        <v>696</v>
      </c>
      <c r="C36" s="11">
        <v>5395200</v>
      </c>
      <c r="D36" s="11">
        <v>3259650.95</v>
      </c>
    </row>
    <row r="37" spans="1:4" x14ac:dyDescent="0.25">
      <c r="A37" s="2" t="s">
        <v>68</v>
      </c>
      <c r="B37" s="4" t="s">
        <v>697</v>
      </c>
      <c r="C37" s="12">
        <v>0</v>
      </c>
      <c r="D37" s="12">
        <v>0</v>
      </c>
    </row>
    <row r="38" spans="1:4" x14ac:dyDescent="0.25">
      <c r="A38" s="2" t="s">
        <v>70</v>
      </c>
      <c r="B38" s="4" t="s">
        <v>698</v>
      </c>
      <c r="C38" s="12">
        <v>0</v>
      </c>
      <c r="D38" s="12">
        <v>0</v>
      </c>
    </row>
    <row r="39" spans="1:4" x14ac:dyDescent="0.25">
      <c r="A39" s="2" t="s">
        <v>72</v>
      </c>
      <c r="B39" s="4" t="s">
        <v>699</v>
      </c>
      <c r="C39" s="12">
        <v>5395200</v>
      </c>
      <c r="D39" s="12">
        <v>3259650.95</v>
      </c>
    </row>
    <row r="40" spans="1:4" x14ac:dyDescent="0.25">
      <c r="A40" s="3" t="s">
        <v>74</v>
      </c>
      <c r="B40" s="5" t="s">
        <v>700</v>
      </c>
      <c r="C40" s="11">
        <v>613390473</v>
      </c>
      <c r="D40" s="11">
        <v>50457432.359999999</v>
      </c>
    </row>
    <row r="41" spans="1:4" x14ac:dyDescent="0.25">
      <c r="A41" s="2" t="s">
        <v>76</v>
      </c>
      <c r="B41" s="4" t="s">
        <v>701</v>
      </c>
      <c r="C41" s="12">
        <v>579546973</v>
      </c>
      <c r="D41" s="12">
        <v>17971193.420000002</v>
      </c>
    </row>
    <row r="42" spans="1:4" x14ac:dyDescent="0.25">
      <c r="A42" s="2" t="s">
        <v>78</v>
      </c>
      <c r="B42" s="4" t="s">
        <v>702</v>
      </c>
      <c r="C42" s="12">
        <v>33843500</v>
      </c>
      <c r="D42" s="12">
        <v>32486238.940000001</v>
      </c>
    </row>
    <row r="43" spans="1:4" x14ac:dyDescent="0.25">
      <c r="A43" s="3" t="s">
        <v>80</v>
      </c>
      <c r="B43" s="5" t="s">
        <v>574</v>
      </c>
      <c r="C43" s="11">
        <v>648070000</v>
      </c>
      <c r="D43" s="11">
        <v>0</v>
      </c>
    </row>
    <row r="44" spans="1:4" x14ac:dyDescent="0.25">
      <c r="A44" s="2" t="s">
        <v>82</v>
      </c>
      <c r="B44" s="4" t="s">
        <v>703</v>
      </c>
      <c r="C44" s="12">
        <v>0</v>
      </c>
      <c r="D44" s="12">
        <v>0</v>
      </c>
    </row>
    <row r="45" spans="1:4" x14ac:dyDescent="0.25">
      <c r="A45" s="2" t="s">
        <v>84</v>
      </c>
      <c r="B45" s="4" t="s">
        <v>704</v>
      </c>
      <c r="C45" s="12">
        <v>648070000</v>
      </c>
      <c r="D45" s="12">
        <v>0</v>
      </c>
    </row>
    <row r="46" spans="1:4" x14ac:dyDescent="0.25">
      <c r="A46" s="2" t="s">
        <v>86</v>
      </c>
      <c r="B46" s="4" t="s">
        <v>705</v>
      </c>
      <c r="C46" s="12">
        <v>1266855673</v>
      </c>
      <c r="D46" s="12">
        <v>53717083.310000002</v>
      </c>
    </row>
    <row r="47" spans="1:4" x14ac:dyDescent="0.25">
      <c r="A47" s="3" t="s">
        <v>88</v>
      </c>
      <c r="B47" s="5" t="s">
        <v>706</v>
      </c>
      <c r="C47" s="11">
        <v>15501687488</v>
      </c>
      <c r="D47" s="11">
        <v>11048017052.709999</v>
      </c>
    </row>
    <row r="49" spans="1:9" x14ac:dyDescent="0.25">
      <c r="A49" s="10" t="s">
        <v>6</v>
      </c>
      <c r="B49" s="10" t="s">
        <v>707</v>
      </c>
      <c r="C49" s="10" t="s">
        <v>708</v>
      </c>
      <c r="D49" s="10" t="s">
        <v>673</v>
      </c>
      <c r="E49" s="10" t="s">
        <v>7</v>
      </c>
      <c r="F49" s="10" t="s">
        <v>7</v>
      </c>
      <c r="G49" s="10" t="s">
        <v>7</v>
      </c>
      <c r="H49" s="10" t="s">
        <v>711</v>
      </c>
      <c r="I49" s="10" t="s">
        <v>711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9</v>
      </c>
      <c r="E50" s="1" t="s">
        <v>173</v>
      </c>
      <c r="F50" s="1" t="s">
        <v>709</v>
      </c>
      <c r="G50" s="1" t="s">
        <v>710</v>
      </c>
      <c r="H50" s="1" t="s">
        <v>712</v>
      </c>
      <c r="I50" s="1" t="s">
        <v>713</v>
      </c>
    </row>
    <row r="51" spans="1:9" x14ac:dyDescent="0.25">
      <c r="A51" s="3" t="s">
        <v>90</v>
      </c>
      <c r="B51" s="5" t="s">
        <v>714</v>
      </c>
      <c r="C51" s="11">
        <v>13107576814.629999</v>
      </c>
      <c r="D51" s="11">
        <v>9311886145.1399994</v>
      </c>
      <c r="E51" s="11">
        <v>8391391667.1199999</v>
      </c>
      <c r="F51" s="11">
        <v>8264528685.5299997</v>
      </c>
      <c r="G51" s="11">
        <v>236966241.61000001</v>
      </c>
      <c r="H51" s="11">
        <v>128152353.20999999</v>
      </c>
      <c r="I51" s="11">
        <v>127979337.47</v>
      </c>
    </row>
    <row r="52" spans="1:9" x14ac:dyDescent="0.25">
      <c r="A52" s="2" t="s">
        <v>92</v>
      </c>
      <c r="B52" s="4" t="s">
        <v>715</v>
      </c>
      <c r="C52" s="12">
        <v>8026157398.9300003</v>
      </c>
      <c r="D52" s="12">
        <v>6203074915.0799999</v>
      </c>
      <c r="E52" s="12">
        <v>5831415320.5900002</v>
      </c>
      <c r="F52" s="12">
        <v>5786821490.0500002</v>
      </c>
      <c r="G52" s="12">
        <v>177071912.06</v>
      </c>
      <c r="H52" s="12">
        <v>594784.29</v>
      </c>
      <c r="I52" s="12">
        <v>594784.29</v>
      </c>
    </row>
    <row r="53" spans="1:9" x14ac:dyDescent="0.25">
      <c r="A53" s="2" t="s">
        <v>94</v>
      </c>
      <c r="B53" s="4" t="s">
        <v>716</v>
      </c>
      <c r="C53" s="12">
        <v>345615032</v>
      </c>
      <c r="D53" s="12">
        <v>205805934.91</v>
      </c>
      <c r="E53" s="12">
        <v>205314626.33000001</v>
      </c>
      <c r="F53" s="12">
        <v>205314626.33000001</v>
      </c>
      <c r="G53" s="12">
        <v>30000</v>
      </c>
      <c r="H53" s="12">
        <v>0</v>
      </c>
      <c r="I53" s="12">
        <v>0</v>
      </c>
    </row>
    <row r="54" spans="1:9" x14ac:dyDescent="0.25">
      <c r="A54" s="3" t="s">
        <v>96</v>
      </c>
      <c r="B54" s="5" t="s">
        <v>717</v>
      </c>
      <c r="C54" s="11">
        <v>4735804383.6999998</v>
      </c>
      <c r="D54" s="11">
        <v>2903005295.1500001</v>
      </c>
      <c r="E54" s="11">
        <v>2354661720.1999998</v>
      </c>
      <c r="F54" s="11">
        <v>2272392569.1500001</v>
      </c>
      <c r="G54" s="11">
        <v>59864329.549999997</v>
      </c>
      <c r="H54" s="11">
        <v>127557568.92</v>
      </c>
      <c r="I54" s="11">
        <v>127384553.18000001</v>
      </c>
    </row>
    <row r="55" spans="1:9" x14ac:dyDescent="0.25">
      <c r="A55" s="2" t="s">
        <v>98</v>
      </c>
      <c r="B55" s="4" t="s">
        <v>718</v>
      </c>
      <c r="C55" s="12">
        <v>501458800</v>
      </c>
      <c r="D55" s="12">
        <v>349987197.24000001</v>
      </c>
      <c r="E55" s="12">
        <v>345607481.19</v>
      </c>
      <c r="F55" s="12">
        <v>303802493.73000002</v>
      </c>
      <c r="G55" s="12">
        <v>0</v>
      </c>
      <c r="H55" s="12">
        <v>0</v>
      </c>
      <c r="I55" s="12">
        <v>0</v>
      </c>
    </row>
    <row r="56" spans="1:9" x14ac:dyDescent="0.25">
      <c r="A56" s="2" t="s">
        <v>100</v>
      </c>
      <c r="B56" s="4" t="s">
        <v>642</v>
      </c>
      <c r="C56" s="12">
        <v>4234345583.6999998</v>
      </c>
      <c r="D56" s="12">
        <v>2553018097.9099998</v>
      </c>
      <c r="E56" s="12">
        <v>2009054239.01</v>
      </c>
      <c r="F56" s="12">
        <v>1968590075.4200001</v>
      </c>
      <c r="G56" s="12">
        <v>59864329.549999997</v>
      </c>
      <c r="H56" s="12">
        <v>127557568.92</v>
      </c>
      <c r="I56" s="12">
        <v>127384553.18000001</v>
      </c>
    </row>
    <row r="57" spans="1:9" x14ac:dyDescent="0.25">
      <c r="A57" s="2" t="s">
        <v>102</v>
      </c>
      <c r="B57" s="4" t="s">
        <v>719</v>
      </c>
      <c r="C57" s="12">
        <v>12761961782.629999</v>
      </c>
      <c r="D57" s="12">
        <v>9106080210.2299995</v>
      </c>
      <c r="E57" s="12">
        <v>8186077040.79</v>
      </c>
      <c r="F57" s="12">
        <v>8059214059.1999998</v>
      </c>
      <c r="G57" s="12">
        <v>236936241.61000001</v>
      </c>
      <c r="H57" s="12">
        <v>128152353.20999999</v>
      </c>
      <c r="I57" s="12">
        <v>127979337.47</v>
      </c>
    </row>
    <row r="58" spans="1:9" x14ac:dyDescent="0.25">
      <c r="A58" s="3" t="s">
        <v>104</v>
      </c>
      <c r="B58" s="5" t="s">
        <v>720</v>
      </c>
      <c r="C58" s="11">
        <v>3581120685</v>
      </c>
      <c r="D58" s="11">
        <v>1761986048.78</v>
      </c>
      <c r="E58" s="11">
        <v>930350700.33000004</v>
      </c>
      <c r="F58" s="11">
        <v>925445261.17999995</v>
      </c>
      <c r="G58" s="11">
        <v>2173999.06</v>
      </c>
      <c r="H58" s="11">
        <v>61757770.399999999</v>
      </c>
      <c r="I58" s="11">
        <v>61703136.75</v>
      </c>
    </row>
    <row r="59" spans="1:9" x14ac:dyDescent="0.25">
      <c r="A59" s="2" t="s">
        <v>106</v>
      </c>
      <c r="B59" s="4" t="s">
        <v>721</v>
      </c>
      <c r="C59" s="12">
        <v>2990206684</v>
      </c>
      <c r="D59" s="12">
        <v>1470927562.25</v>
      </c>
      <c r="E59" s="12">
        <v>682755429.15999997</v>
      </c>
      <c r="F59" s="12">
        <v>677849990.00999999</v>
      </c>
      <c r="G59" s="12">
        <v>2051665.49</v>
      </c>
      <c r="H59" s="12">
        <v>61757770.399999999</v>
      </c>
      <c r="I59" s="12">
        <v>61703136.75</v>
      </c>
    </row>
    <row r="60" spans="1:9" x14ac:dyDescent="0.25">
      <c r="A60" s="3" t="s">
        <v>108</v>
      </c>
      <c r="B60" s="5" t="s">
        <v>722</v>
      </c>
      <c r="C60" s="11">
        <v>120918856</v>
      </c>
      <c r="D60" s="11">
        <v>71596713.620000005</v>
      </c>
      <c r="E60" s="11">
        <v>28496416.870000001</v>
      </c>
      <c r="F60" s="11">
        <v>28496416.870000001</v>
      </c>
      <c r="G60" s="11">
        <v>122333.57</v>
      </c>
      <c r="H60" s="11">
        <v>0</v>
      </c>
      <c r="I60" s="11">
        <v>0</v>
      </c>
    </row>
    <row r="61" spans="1:9" x14ac:dyDescent="0.25">
      <c r="A61" s="2" t="s">
        <v>110</v>
      </c>
      <c r="B61" s="4" t="s">
        <v>723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2</v>
      </c>
      <c r="B62" s="4" t="s">
        <v>724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4</v>
      </c>
      <c r="B63" s="4" t="s">
        <v>725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6</v>
      </c>
      <c r="B64" s="4" t="s">
        <v>726</v>
      </c>
      <c r="C64" s="12">
        <v>120918856</v>
      </c>
      <c r="D64" s="12">
        <v>71596713.620000005</v>
      </c>
      <c r="E64" s="12">
        <v>28496416.870000001</v>
      </c>
      <c r="F64" s="12">
        <v>28496416.870000001</v>
      </c>
      <c r="G64" s="12">
        <v>122333.57</v>
      </c>
      <c r="H64" s="12">
        <v>0</v>
      </c>
      <c r="I64" s="12">
        <v>0</v>
      </c>
    </row>
    <row r="65" spans="1:9" x14ac:dyDescent="0.25">
      <c r="A65" s="2" t="s">
        <v>118</v>
      </c>
      <c r="B65" s="4" t="s">
        <v>727</v>
      </c>
      <c r="C65" s="12">
        <v>469995145</v>
      </c>
      <c r="D65" s="12">
        <v>219461772.91</v>
      </c>
      <c r="E65" s="12">
        <v>219098854.30000001</v>
      </c>
      <c r="F65" s="12">
        <v>219098854.30000001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0</v>
      </c>
      <c r="B66" s="4" t="s">
        <v>728</v>
      </c>
      <c r="C66" s="12">
        <v>3111125540</v>
      </c>
      <c r="D66" s="12">
        <v>1542524275.8699999</v>
      </c>
      <c r="E66" s="12">
        <v>711251846.02999997</v>
      </c>
      <c r="F66" s="12">
        <v>706346406.88</v>
      </c>
      <c r="G66" s="12">
        <v>2173999.06</v>
      </c>
      <c r="H66" s="12">
        <v>61757770.399999999</v>
      </c>
      <c r="I66" s="12">
        <v>61703136.75</v>
      </c>
    </row>
    <row r="67" spans="1:9" x14ac:dyDescent="0.25">
      <c r="A67" s="2" t="s">
        <v>121</v>
      </c>
      <c r="B67" s="4" t="s">
        <v>729</v>
      </c>
      <c r="C67" s="12">
        <v>45214127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2</v>
      </c>
      <c r="B68" s="5" t="s">
        <v>730</v>
      </c>
      <c r="C68" s="11">
        <v>15918301449.629999</v>
      </c>
      <c r="D68" s="11">
        <v>10648604486.1</v>
      </c>
      <c r="E68" s="11">
        <v>8897328886.8199997</v>
      </c>
      <c r="F68" s="11">
        <v>8765560466.0799999</v>
      </c>
      <c r="G68" s="11">
        <v>239110240.66999999</v>
      </c>
      <c r="H68" s="11">
        <v>189910123.61000001</v>
      </c>
      <c r="I68" s="11">
        <v>189682474.22</v>
      </c>
    </row>
    <row r="70" spans="1:9" x14ac:dyDescent="0.25">
      <c r="A70" s="10" t="s">
        <v>6</v>
      </c>
      <c r="B70" s="10" t="s">
        <v>731</v>
      </c>
      <c r="C70" s="10" t="s">
        <v>732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3</v>
      </c>
      <c r="B72" s="4" t="s">
        <v>733</v>
      </c>
      <c r="C72" s="12">
        <v>1853663871.74</v>
      </c>
    </row>
    <row r="74" spans="1:9" x14ac:dyDescent="0.25">
      <c r="A74" s="10" t="s">
        <v>6</v>
      </c>
      <c r="B74" s="10" t="s">
        <v>734</v>
      </c>
      <c r="C74" s="10" t="s">
        <v>735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4</v>
      </c>
      <c r="B76" s="4" t="s">
        <v>736</v>
      </c>
      <c r="C76" s="12">
        <v>958127800</v>
      </c>
    </row>
    <row r="78" spans="1:9" ht="21" x14ac:dyDescent="0.25">
      <c r="A78" s="10" t="s">
        <v>6</v>
      </c>
      <c r="B78" s="10" t="s">
        <v>737</v>
      </c>
      <c r="C78" s="1" t="s">
        <v>673</v>
      </c>
    </row>
    <row r="79" spans="1:9" ht="21" x14ac:dyDescent="0.25">
      <c r="A79" s="10" t="s">
        <v>7</v>
      </c>
      <c r="B79" s="10" t="s">
        <v>7</v>
      </c>
      <c r="C79" s="1" t="s">
        <v>738</v>
      </c>
    </row>
    <row r="80" spans="1:9" x14ac:dyDescent="0.25">
      <c r="A80" s="2" t="s">
        <v>125</v>
      </c>
      <c r="B80" s="4" t="s">
        <v>739</v>
      </c>
      <c r="C80" s="12">
        <v>135686765.22999999</v>
      </c>
    </row>
    <row r="81" spans="1:4" x14ac:dyDescent="0.25">
      <c r="A81" s="2" t="s">
        <v>126</v>
      </c>
      <c r="B81" s="4" t="s">
        <v>740</v>
      </c>
      <c r="C81" s="12">
        <v>243213412.72</v>
      </c>
    </row>
    <row r="83" spans="1:4" x14ac:dyDescent="0.25">
      <c r="A83" s="10" t="s">
        <v>6</v>
      </c>
      <c r="B83" s="10" t="s">
        <v>741</v>
      </c>
      <c r="C83" s="10" t="s">
        <v>738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7</v>
      </c>
      <c r="B85" s="4" t="s">
        <v>742</v>
      </c>
      <c r="C85" s="12">
        <v>1746137224.25</v>
      </c>
    </row>
    <row r="87" spans="1:4" x14ac:dyDescent="0.25">
      <c r="A87" s="10" t="s">
        <v>6</v>
      </c>
      <c r="B87" s="10" t="s">
        <v>743</v>
      </c>
      <c r="C87" s="10" t="s">
        <v>735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8</v>
      </c>
      <c r="B89" s="4" t="s">
        <v>736</v>
      </c>
      <c r="C89" s="12">
        <v>427339100</v>
      </c>
    </row>
    <row r="91" spans="1:4" x14ac:dyDescent="0.25">
      <c r="A91" s="10" t="s">
        <v>6</v>
      </c>
      <c r="B91" s="10" t="s">
        <v>744</v>
      </c>
      <c r="C91" s="10" t="s">
        <v>745</v>
      </c>
      <c r="D91" s="10" t="s">
        <v>745</v>
      </c>
    </row>
    <row r="92" spans="1:4" ht="21" x14ac:dyDescent="0.25">
      <c r="A92" s="10" t="s">
        <v>7</v>
      </c>
      <c r="B92" s="10" t="s">
        <v>7</v>
      </c>
      <c r="C92" s="1" t="s">
        <v>746</v>
      </c>
      <c r="D92" s="1" t="s">
        <v>372</v>
      </c>
    </row>
    <row r="93" spans="1:4" x14ac:dyDescent="0.25">
      <c r="A93" s="2" t="s">
        <v>130</v>
      </c>
      <c r="B93" s="4" t="s">
        <v>747</v>
      </c>
      <c r="C93" s="12">
        <v>9352844933.2099991</v>
      </c>
      <c r="D93" s="12">
        <v>8924026900.2000008</v>
      </c>
    </row>
    <row r="94" spans="1:4" x14ac:dyDescent="0.25">
      <c r="A94" s="3" t="s">
        <v>132</v>
      </c>
      <c r="B94" s="5" t="s">
        <v>748</v>
      </c>
      <c r="C94" s="11">
        <v>3609284331.3299999</v>
      </c>
      <c r="D94" s="11">
        <v>5444257666.7799997</v>
      </c>
    </row>
    <row r="95" spans="1:4" x14ac:dyDescent="0.25">
      <c r="A95" s="3" t="s">
        <v>134</v>
      </c>
      <c r="B95" s="5" t="s">
        <v>749</v>
      </c>
      <c r="C95" s="11">
        <v>3285610223.1199999</v>
      </c>
      <c r="D95" s="11">
        <v>5092963210.8299999</v>
      </c>
    </row>
    <row r="96" spans="1:4" x14ac:dyDescent="0.25">
      <c r="A96" s="2" t="s">
        <v>136</v>
      </c>
      <c r="B96" s="4" t="s">
        <v>750</v>
      </c>
      <c r="C96" s="12">
        <v>3595662492.1100001</v>
      </c>
      <c r="D96" s="12">
        <v>5162505456.6300001</v>
      </c>
    </row>
    <row r="97" spans="1:4" x14ac:dyDescent="0.25">
      <c r="A97" s="2" t="s">
        <v>138</v>
      </c>
      <c r="B97" s="4" t="s">
        <v>751</v>
      </c>
      <c r="C97" s="12">
        <v>310052268.99000001</v>
      </c>
      <c r="D97" s="12">
        <v>69542245.799999997</v>
      </c>
    </row>
    <row r="98" spans="1:4" x14ac:dyDescent="0.25">
      <c r="A98" s="2" t="s">
        <v>140</v>
      </c>
      <c r="B98" s="4" t="s">
        <v>752</v>
      </c>
      <c r="C98" s="12">
        <v>323674108.20999998</v>
      </c>
      <c r="D98" s="12">
        <v>351294455.94999999</v>
      </c>
    </row>
    <row r="99" spans="1:4" x14ac:dyDescent="0.25">
      <c r="A99" s="3" t="s">
        <v>142</v>
      </c>
      <c r="B99" s="5" t="s">
        <v>753</v>
      </c>
      <c r="C99" s="11">
        <v>5743560601.8800001</v>
      </c>
      <c r="D99" s="11">
        <v>3479769233.4200001</v>
      </c>
    </row>
    <row r="101" spans="1:4" x14ac:dyDescent="0.25">
      <c r="A101" s="10" t="s">
        <v>6</v>
      </c>
      <c r="B101" s="10" t="s">
        <v>754</v>
      </c>
      <c r="C101" s="10" t="s">
        <v>755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4</v>
      </c>
      <c r="B103" s="4" t="s">
        <v>756</v>
      </c>
      <c r="C103" s="12">
        <v>2263791368.46</v>
      </c>
    </row>
    <row r="105" spans="1:4" x14ac:dyDescent="0.25">
      <c r="A105" s="10" t="s">
        <v>6</v>
      </c>
      <c r="B105" s="10" t="s">
        <v>757</v>
      </c>
      <c r="C105" s="10" t="s">
        <v>755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6</v>
      </c>
      <c r="B107" s="4" t="s">
        <v>758</v>
      </c>
      <c r="C107" s="12">
        <v>240510023.19</v>
      </c>
    </row>
    <row r="108" spans="1:4" x14ac:dyDescent="0.25">
      <c r="A108" s="2" t="s">
        <v>148</v>
      </c>
      <c r="B108" s="4" t="s">
        <v>759</v>
      </c>
      <c r="C108" s="12">
        <v>0</v>
      </c>
    </row>
    <row r="109" spans="1:4" x14ac:dyDescent="0.25">
      <c r="A109" s="2" t="s">
        <v>150</v>
      </c>
      <c r="B109" s="4" t="s">
        <v>760</v>
      </c>
      <c r="C109" s="12">
        <v>0</v>
      </c>
    </row>
    <row r="110" spans="1:4" x14ac:dyDescent="0.25">
      <c r="A110" s="2" t="s">
        <v>152</v>
      </c>
      <c r="B110" s="4" t="s">
        <v>761</v>
      </c>
      <c r="C110" s="12">
        <v>-225265260.13999999</v>
      </c>
    </row>
    <row r="111" spans="1:4" x14ac:dyDescent="0.25">
      <c r="A111" s="2" t="s">
        <v>153</v>
      </c>
      <c r="B111" s="4" t="s">
        <v>762</v>
      </c>
      <c r="C111" s="12">
        <v>225841710.69</v>
      </c>
    </row>
    <row r="112" spans="1:4" x14ac:dyDescent="0.25">
      <c r="A112" s="2" t="s">
        <v>154</v>
      </c>
      <c r="B112" s="4" t="s">
        <v>763</v>
      </c>
      <c r="C112" s="12">
        <v>0</v>
      </c>
    </row>
    <row r="113" spans="1:8" x14ac:dyDescent="0.25">
      <c r="A113" s="2" t="s">
        <v>156</v>
      </c>
      <c r="B113" s="4" t="s">
        <v>764</v>
      </c>
      <c r="C113" s="12">
        <v>0</v>
      </c>
    </row>
    <row r="114" spans="1:8" x14ac:dyDescent="0.25">
      <c r="A114" s="2" t="s">
        <v>158</v>
      </c>
      <c r="B114" s="4" t="s">
        <v>765</v>
      </c>
      <c r="C114" s="12">
        <v>1572174374.4400001</v>
      </c>
    </row>
    <row r="116" spans="1:8" x14ac:dyDescent="0.25">
      <c r="A116" s="10" t="s">
        <v>6</v>
      </c>
      <c r="B116" s="10" t="s">
        <v>766</v>
      </c>
      <c r="C116" s="10" t="s">
        <v>594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60</v>
      </c>
      <c r="B118" s="4" t="s">
        <v>767</v>
      </c>
      <c r="C118" s="12">
        <v>1679701021.9300001</v>
      </c>
    </row>
    <row r="120" spans="1:8" x14ac:dyDescent="0.25">
      <c r="A120" s="10" t="s">
        <v>6</v>
      </c>
      <c r="B120" s="10" t="s">
        <v>768</v>
      </c>
      <c r="C120" s="10" t="s">
        <v>594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2</v>
      </c>
      <c r="B122" s="5" t="s">
        <v>769</v>
      </c>
      <c r="C122" s="11">
        <v>1577620668.4300001</v>
      </c>
    </row>
    <row r="123" spans="1:8" x14ac:dyDescent="0.25">
      <c r="A123" s="2" t="s">
        <v>164</v>
      </c>
      <c r="B123" s="4" t="s">
        <v>163</v>
      </c>
      <c r="C123" s="12">
        <v>0</v>
      </c>
    </row>
    <row r="124" spans="1:8" x14ac:dyDescent="0.25">
      <c r="A124" s="2" t="s">
        <v>177</v>
      </c>
      <c r="B124" s="4" t="s">
        <v>770</v>
      </c>
      <c r="C124" s="12">
        <v>1577620668.4300001</v>
      </c>
    </row>
    <row r="125" spans="1:8" x14ac:dyDescent="0.25">
      <c r="A125" s="2" t="s">
        <v>179</v>
      </c>
      <c r="B125" s="4" t="s">
        <v>596</v>
      </c>
      <c r="C125" s="12">
        <v>0</v>
      </c>
    </row>
    <row r="127" spans="1:8" x14ac:dyDescent="0.25">
      <c r="A127" s="10" t="s">
        <v>6</v>
      </c>
      <c r="B127" s="10" t="s">
        <v>771</v>
      </c>
      <c r="C127" s="10" t="s">
        <v>169</v>
      </c>
      <c r="D127" s="10" t="s">
        <v>7</v>
      </c>
      <c r="E127" s="10" t="s">
        <v>173</v>
      </c>
      <c r="F127" s="10" t="s">
        <v>7</v>
      </c>
      <c r="G127" s="10" t="s">
        <v>774</v>
      </c>
      <c r="H127" s="10" t="s">
        <v>774</v>
      </c>
    </row>
    <row r="128" spans="1:8" ht="31.5" x14ac:dyDescent="0.25">
      <c r="A128" s="10" t="s">
        <v>7</v>
      </c>
      <c r="B128" s="10" t="s">
        <v>7</v>
      </c>
      <c r="C128" s="1" t="s">
        <v>772</v>
      </c>
      <c r="D128" s="1" t="s">
        <v>773</v>
      </c>
      <c r="E128" s="1" t="s">
        <v>772</v>
      </c>
      <c r="F128" s="1" t="s">
        <v>773</v>
      </c>
      <c r="G128" s="1" t="s">
        <v>772</v>
      </c>
      <c r="H128" s="1" t="s">
        <v>773</v>
      </c>
    </row>
    <row r="129" spans="1:8" x14ac:dyDescent="0.25">
      <c r="A129" s="3" t="s">
        <v>181</v>
      </c>
      <c r="B129" s="5" t="s">
        <v>775</v>
      </c>
      <c r="C129" s="11">
        <v>9742455589.0699997</v>
      </c>
      <c r="D129" s="11">
        <v>10702111256.02</v>
      </c>
      <c r="E129" s="11">
        <v>8931767501.3700008</v>
      </c>
      <c r="F129" s="11">
        <v>9720020185.1599998</v>
      </c>
      <c r="G129" s="11">
        <v>0</v>
      </c>
      <c r="H129" s="11">
        <v>0</v>
      </c>
    </row>
    <row r="130" spans="1:8" x14ac:dyDescent="0.25">
      <c r="A130" s="2" t="s">
        <v>183</v>
      </c>
      <c r="B130" s="4" t="s">
        <v>715</v>
      </c>
      <c r="C130" s="12">
        <v>7230356150.6199999</v>
      </c>
      <c r="D130" s="12">
        <v>7518329092.04</v>
      </c>
      <c r="E130" s="12">
        <v>6837096250.9399996</v>
      </c>
      <c r="F130" s="12">
        <v>7104926146.3000002</v>
      </c>
      <c r="G130" s="12">
        <v>0</v>
      </c>
      <c r="H130" s="12">
        <v>0</v>
      </c>
    </row>
    <row r="131" spans="1:8" x14ac:dyDescent="0.25">
      <c r="A131" s="2" t="s">
        <v>185</v>
      </c>
      <c r="B131" s="4" t="s">
        <v>776</v>
      </c>
      <c r="C131" s="12">
        <v>100762352.8</v>
      </c>
      <c r="D131" s="12">
        <v>205805934.91</v>
      </c>
      <c r="E131" s="12">
        <v>91596498.099999994</v>
      </c>
      <c r="F131" s="12">
        <v>205314626.33000001</v>
      </c>
      <c r="G131" s="12">
        <v>0</v>
      </c>
      <c r="H131" s="12">
        <v>0</v>
      </c>
    </row>
    <row r="132" spans="1:8" x14ac:dyDescent="0.25">
      <c r="A132" s="2" t="s">
        <v>187</v>
      </c>
      <c r="B132" s="4" t="s">
        <v>717</v>
      </c>
      <c r="C132" s="12">
        <v>2411337085.6500001</v>
      </c>
      <c r="D132" s="12">
        <v>2977976229.0700002</v>
      </c>
      <c r="E132" s="12">
        <v>2003074752.3299999</v>
      </c>
      <c r="F132" s="12">
        <v>2409779412.5300002</v>
      </c>
      <c r="G132" s="12">
        <v>0</v>
      </c>
      <c r="H132" s="12">
        <v>0</v>
      </c>
    </row>
    <row r="133" spans="1:8" x14ac:dyDescent="0.25">
      <c r="A133" s="2" t="s">
        <v>189</v>
      </c>
      <c r="B133" s="4" t="s">
        <v>777</v>
      </c>
      <c r="C133" s="12">
        <v>9641693236.2700005</v>
      </c>
      <c r="D133" s="12">
        <v>10496305321.110001</v>
      </c>
      <c r="E133" s="12">
        <v>8840171003.2700005</v>
      </c>
      <c r="F133" s="12">
        <v>9514705558.8299999</v>
      </c>
      <c r="G133" s="12">
        <v>0</v>
      </c>
      <c r="H133" s="12">
        <v>0</v>
      </c>
    </row>
    <row r="134" spans="1:8" x14ac:dyDescent="0.25">
      <c r="A134" s="2" t="s">
        <v>191</v>
      </c>
      <c r="B134" s="4" t="s">
        <v>778</v>
      </c>
      <c r="C134" s="12">
        <v>126000000</v>
      </c>
      <c r="D134" s="12">
        <v>349987197.24000001</v>
      </c>
      <c r="E134" s="12">
        <v>126000000</v>
      </c>
      <c r="F134" s="12">
        <v>345607481.19</v>
      </c>
      <c r="G134" s="12">
        <v>0</v>
      </c>
      <c r="H134" s="12">
        <v>0</v>
      </c>
    </row>
    <row r="135" spans="1:8" x14ac:dyDescent="0.25">
      <c r="A135" s="2" t="s">
        <v>193</v>
      </c>
      <c r="B135" s="4" t="s">
        <v>779</v>
      </c>
      <c r="C135" s="12">
        <v>76700201.700000003</v>
      </c>
      <c r="D135" s="12">
        <v>93399095.510000005</v>
      </c>
      <c r="E135" s="12">
        <v>75448972.099999994</v>
      </c>
      <c r="F135" s="12">
        <v>92399959.609999999</v>
      </c>
      <c r="G135" s="12">
        <v>0</v>
      </c>
      <c r="H135" s="12">
        <v>0</v>
      </c>
    </row>
    <row r="136" spans="1:8" x14ac:dyDescent="0.25">
      <c r="A136" s="2" t="s">
        <v>195</v>
      </c>
      <c r="B136" s="4" t="s">
        <v>780</v>
      </c>
      <c r="C136" s="12">
        <v>9438993034.5699997</v>
      </c>
      <c r="D136" s="12">
        <v>10052919028.360001</v>
      </c>
      <c r="E136" s="12">
        <v>8638722031.1700001</v>
      </c>
      <c r="F136" s="12">
        <v>9076698118.0300007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A13" workbookViewId="0">
      <selection activeCell="B13" sqref="B13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8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8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83</v>
      </c>
      <c r="C10" s="10" t="s">
        <v>784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89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96</v>
      </c>
    </row>
    <row r="11" spans="1:14" ht="63" x14ac:dyDescent="0.25">
      <c r="A11" s="10" t="s">
        <v>7</v>
      </c>
      <c r="B11" s="10" t="s">
        <v>7</v>
      </c>
      <c r="C11" s="1" t="s">
        <v>785</v>
      </c>
      <c r="D11" s="1" t="s">
        <v>786</v>
      </c>
      <c r="E11" s="1" t="s">
        <v>713</v>
      </c>
      <c r="F11" s="1" t="s">
        <v>787</v>
      </c>
      <c r="G11" s="1" t="s">
        <v>788</v>
      </c>
      <c r="H11" s="1" t="s">
        <v>790</v>
      </c>
      <c r="I11" s="1" t="s">
        <v>791</v>
      </c>
      <c r="J11" s="1" t="s">
        <v>792</v>
      </c>
      <c r="K11" s="1" t="s">
        <v>793</v>
      </c>
      <c r="L11" s="1" t="s">
        <v>794</v>
      </c>
      <c r="M11" s="1" t="s">
        <v>795</v>
      </c>
      <c r="N11" s="10" t="s">
        <v>7</v>
      </c>
    </row>
    <row r="12" spans="1:14" x14ac:dyDescent="0.25">
      <c r="A12" s="3" t="s">
        <v>17</v>
      </c>
      <c r="B12" s="5" t="s">
        <v>797</v>
      </c>
      <c r="C12" s="11">
        <v>76701517.370000005</v>
      </c>
      <c r="D12" s="11">
        <v>234255830.49000001</v>
      </c>
      <c r="E12" s="11">
        <v>239140240.66999999</v>
      </c>
      <c r="F12" s="11">
        <v>1631068.13</v>
      </c>
      <c r="G12" s="11">
        <v>70186039.060000002</v>
      </c>
      <c r="H12" s="11">
        <v>64719138.039999999</v>
      </c>
      <c r="I12" s="11">
        <v>280946258.94</v>
      </c>
      <c r="J12" s="11">
        <v>189910123.61000001</v>
      </c>
      <c r="K12" s="11">
        <v>189682474.22</v>
      </c>
      <c r="L12" s="11">
        <v>40161156.369999997</v>
      </c>
      <c r="M12" s="11">
        <v>115821766.39</v>
      </c>
      <c r="N12" s="11">
        <v>186007805.44999999</v>
      </c>
    </row>
    <row r="13" spans="1:14" x14ac:dyDescent="0.25">
      <c r="A13" s="2" t="s">
        <v>19</v>
      </c>
      <c r="B13" s="4" t="s">
        <v>798</v>
      </c>
      <c r="C13" s="12">
        <v>73388309.920000002</v>
      </c>
      <c r="D13" s="12">
        <v>164013051.69</v>
      </c>
      <c r="E13" s="12">
        <v>167528731.78999999</v>
      </c>
      <c r="F13" s="12">
        <v>1588750.68</v>
      </c>
      <c r="G13" s="12">
        <v>68283879.140000001</v>
      </c>
      <c r="H13" s="12">
        <v>63361799.229999997</v>
      </c>
      <c r="I13" s="12">
        <v>220411631.87</v>
      </c>
      <c r="J13" s="12">
        <v>155355681.41999999</v>
      </c>
      <c r="K13" s="12">
        <v>155128032.03</v>
      </c>
      <c r="L13" s="12">
        <v>27341674.609999999</v>
      </c>
      <c r="M13" s="12">
        <v>101303724.45999999</v>
      </c>
      <c r="N13" s="12">
        <v>169587603.59999999</v>
      </c>
    </row>
    <row r="14" spans="1:14" x14ac:dyDescent="0.25">
      <c r="A14" s="3" t="s">
        <v>21</v>
      </c>
      <c r="B14" s="5" t="s">
        <v>799</v>
      </c>
      <c r="C14" s="11">
        <v>0</v>
      </c>
      <c r="D14" s="11">
        <v>10990226.16</v>
      </c>
      <c r="E14" s="11">
        <v>10982503.65</v>
      </c>
      <c r="F14" s="11">
        <v>7722.51</v>
      </c>
      <c r="G14" s="11">
        <v>0</v>
      </c>
      <c r="H14" s="11">
        <v>226986.2</v>
      </c>
      <c r="I14" s="11">
        <v>14958224.26</v>
      </c>
      <c r="J14" s="11">
        <v>9839890.4100000001</v>
      </c>
      <c r="K14" s="11">
        <v>9839890.4100000001</v>
      </c>
      <c r="L14" s="11">
        <v>1306890.52</v>
      </c>
      <c r="M14" s="11">
        <v>4038429.53</v>
      </c>
      <c r="N14" s="11">
        <v>4038429.53</v>
      </c>
    </row>
    <row r="15" spans="1:14" x14ac:dyDescent="0.25">
      <c r="A15" s="2" t="s">
        <v>23</v>
      </c>
      <c r="B15" s="4" t="s">
        <v>800</v>
      </c>
      <c r="C15" s="12">
        <v>0</v>
      </c>
      <c r="D15" s="12">
        <v>10234146.26</v>
      </c>
      <c r="E15" s="12">
        <v>10226423.75</v>
      </c>
      <c r="F15" s="12">
        <v>7722.51</v>
      </c>
      <c r="G15" s="12">
        <v>0</v>
      </c>
      <c r="H15" s="12">
        <v>0</v>
      </c>
      <c r="I15" s="12">
        <v>9027419.1699999999</v>
      </c>
      <c r="J15" s="12">
        <v>4868113.1900000004</v>
      </c>
      <c r="K15" s="12">
        <v>4868113.1900000004</v>
      </c>
      <c r="L15" s="12">
        <v>130876.45</v>
      </c>
      <c r="M15" s="12">
        <v>4028429.53</v>
      </c>
      <c r="N15" s="12">
        <v>4028429.53</v>
      </c>
    </row>
    <row r="16" spans="1:14" x14ac:dyDescent="0.25">
      <c r="A16" s="2" t="s">
        <v>25</v>
      </c>
      <c r="B16" s="4" t="s">
        <v>801</v>
      </c>
      <c r="C16" s="12">
        <v>0</v>
      </c>
      <c r="D16" s="12">
        <v>756079.9</v>
      </c>
      <c r="E16" s="12">
        <v>756079.9</v>
      </c>
      <c r="F16" s="12">
        <v>0</v>
      </c>
      <c r="G16" s="12">
        <v>0</v>
      </c>
      <c r="H16" s="12">
        <v>226986.2</v>
      </c>
      <c r="I16" s="12">
        <v>5919895.9100000001</v>
      </c>
      <c r="J16" s="12">
        <v>4960868.04</v>
      </c>
      <c r="K16" s="12">
        <v>4960868.04</v>
      </c>
      <c r="L16" s="12">
        <v>1176014.07</v>
      </c>
      <c r="M16" s="12">
        <v>10000</v>
      </c>
      <c r="N16" s="12">
        <v>10000</v>
      </c>
    </row>
    <row r="17" spans="1:14" x14ac:dyDescent="0.25">
      <c r="A17" s="2" t="s">
        <v>27</v>
      </c>
      <c r="B17" s="4" t="s">
        <v>802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10909.18</v>
      </c>
      <c r="J17" s="12">
        <v>10909.18</v>
      </c>
      <c r="K17" s="12">
        <v>10909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30</v>
      </c>
      <c r="B18" s="5" t="s">
        <v>803</v>
      </c>
      <c r="C18" s="11">
        <v>655.5</v>
      </c>
      <c r="D18" s="11">
        <v>43489446.810000002</v>
      </c>
      <c r="E18" s="11">
        <v>43455507.210000001</v>
      </c>
      <c r="F18" s="11">
        <v>34594.94</v>
      </c>
      <c r="G18" s="11">
        <v>0.16</v>
      </c>
      <c r="H18" s="11">
        <v>1130352.6100000001</v>
      </c>
      <c r="I18" s="11">
        <v>20742106.859999999</v>
      </c>
      <c r="J18" s="11">
        <v>11916902.939999999</v>
      </c>
      <c r="K18" s="11">
        <v>11916902.939999999</v>
      </c>
      <c r="L18" s="11">
        <v>9946789.1099999994</v>
      </c>
      <c r="M18" s="11">
        <v>8767.42</v>
      </c>
      <c r="N18" s="11">
        <v>8767.58</v>
      </c>
    </row>
    <row r="19" spans="1:14" x14ac:dyDescent="0.25">
      <c r="A19" s="2" t="s">
        <v>32</v>
      </c>
      <c r="B19" s="4" t="s">
        <v>804</v>
      </c>
      <c r="C19" s="12">
        <v>0</v>
      </c>
      <c r="D19" s="12">
        <v>40805111.030000001</v>
      </c>
      <c r="E19" s="12">
        <v>40770515.93</v>
      </c>
      <c r="F19" s="12">
        <v>34594.94</v>
      </c>
      <c r="G19" s="12">
        <v>0.16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.16</v>
      </c>
    </row>
    <row r="20" spans="1:14" x14ac:dyDescent="0.25">
      <c r="A20" s="2" t="s">
        <v>34</v>
      </c>
      <c r="B20" s="4" t="s">
        <v>805</v>
      </c>
      <c r="C20" s="12">
        <v>655.5</v>
      </c>
      <c r="D20" s="12">
        <v>2684335.7799999998</v>
      </c>
      <c r="E20" s="12">
        <v>2684991.28</v>
      </c>
      <c r="F20" s="12">
        <v>0</v>
      </c>
      <c r="G20" s="12">
        <v>0</v>
      </c>
      <c r="H20" s="12">
        <v>1130352.6100000001</v>
      </c>
      <c r="I20" s="12">
        <v>20742106.859999999</v>
      </c>
      <c r="J20" s="12">
        <v>11916902.939999999</v>
      </c>
      <c r="K20" s="12">
        <v>11916902.939999999</v>
      </c>
      <c r="L20" s="12">
        <v>9946789.1099999994</v>
      </c>
      <c r="M20" s="12">
        <v>8767.42</v>
      </c>
      <c r="N20" s="12">
        <v>8767.42</v>
      </c>
    </row>
    <row r="21" spans="1:14" x14ac:dyDescent="0.25">
      <c r="A21" s="3" t="s">
        <v>36</v>
      </c>
      <c r="B21" s="5" t="s">
        <v>806</v>
      </c>
      <c r="C21" s="11">
        <v>3312551.95</v>
      </c>
      <c r="D21" s="11">
        <v>15326121.380000001</v>
      </c>
      <c r="E21" s="11">
        <v>16736513.57</v>
      </c>
      <c r="F21" s="11">
        <v>0</v>
      </c>
      <c r="G21" s="11">
        <v>1902159.76</v>
      </c>
      <c r="H21" s="11">
        <v>0</v>
      </c>
      <c r="I21" s="11">
        <v>21431846.760000002</v>
      </c>
      <c r="J21" s="11">
        <v>10197553.25</v>
      </c>
      <c r="K21" s="11">
        <v>10197553.25</v>
      </c>
      <c r="L21" s="11">
        <v>793739.02</v>
      </c>
      <c r="M21" s="11">
        <v>10440554.49</v>
      </c>
      <c r="N21" s="11">
        <v>12342714.25</v>
      </c>
    </row>
    <row r="22" spans="1:14" x14ac:dyDescent="0.25">
      <c r="A22" s="2" t="s">
        <v>38</v>
      </c>
      <c r="B22" s="4" t="s">
        <v>807</v>
      </c>
      <c r="C22" s="12">
        <v>3312551.95</v>
      </c>
      <c r="D22" s="12">
        <v>15290204.18</v>
      </c>
      <c r="E22" s="12">
        <v>16700596.369999999</v>
      </c>
      <c r="F22" s="12">
        <v>0</v>
      </c>
      <c r="G22" s="12">
        <v>1902159.76</v>
      </c>
      <c r="H22" s="12">
        <v>0</v>
      </c>
      <c r="I22" s="12">
        <v>10853288.58</v>
      </c>
      <c r="J22" s="12">
        <v>7994477.0899999999</v>
      </c>
      <c r="K22" s="12">
        <v>7994477.0899999999</v>
      </c>
      <c r="L22" s="12">
        <v>694665.5</v>
      </c>
      <c r="M22" s="12">
        <v>2164145.9900000002</v>
      </c>
      <c r="N22" s="12">
        <v>4066305.75</v>
      </c>
    </row>
    <row r="23" spans="1:14" x14ac:dyDescent="0.25">
      <c r="A23" s="2" t="s">
        <v>40</v>
      </c>
      <c r="B23" s="4" t="s">
        <v>808</v>
      </c>
      <c r="C23" s="12">
        <v>0</v>
      </c>
      <c r="D23" s="12">
        <v>35917.199999999997</v>
      </c>
      <c r="E23" s="12">
        <v>35917.199999999997</v>
      </c>
      <c r="F23" s="12">
        <v>0</v>
      </c>
      <c r="G23" s="12">
        <v>0</v>
      </c>
      <c r="H23" s="12">
        <v>0</v>
      </c>
      <c r="I23" s="12">
        <v>10578558.18</v>
      </c>
      <c r="J23" s="12">
        <v>2203076.16</v>
      </c>
      <c r="K23" s="12">
        <v>2203076.16</v>
      </c>
      <c r="L23" s="12">
        <v>99073.52</v>
      </c>
      <c r="M23" s="12">
        <v>8276408.5</v>
      </c>
      <c r="N23" s="12">
        <v>8276408.5</v>
      </c>
    </row>
    <row r="24" spans="1:14" x14ac:dyDescent="0.25">
      <c r="A24" s="2" t="s">
        <v>42</v>
      </c>
      <c r="B24" s="4" t="s">
        <v>809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4</v>
      </c>
      <c r="B25" s="4" t="s">
        <v>810</v>
      </c>
      <c r="C25" s="12">
        <v>0</v>
      </c>
      <c r="D25" s="12">
        <v>436984.45</v>
      </c>
      <c r="E25" s="12">
        <v>436984.45</v>
      </c>
      <c r="F25" s="12">
        <v>0</v>
      </c>
      <c r="G25" s="12">
        <v>0</v>
      </c>
      <c r="H25" s="12">
        <v>0</v>
      </c>
      <c r="I25" s="12">
        <v>3402449.19</v>
      </c>
      <c r="J25" s="12">
        <v>2600095.59</v>
      </c>
      <c r="K25" s="12">
        <v>2600095.59</v>
      </c>
      <c r="L25" s="12">
        <v>772063.11</v>
      </c>
      <c r="M25" s="12">
        <v>30290.49</v>
      </c>
      <c r="N25" s="12">
        <v>30290.49</v>
      </c>
    </row>
    <row r="26" spans="1:14" x14ac:dyDescent="0.25">
      <c r="A26" s="3" t="s">
        <v>46</v>
      </c>
      <c r="B26" s="5" t="s">
        <v>811</v>
      </c>
      <c r="C26" s="11">
        <v>7403441.6399999997</v>
      </c>
      <c r="D26" s="11">
        <v>80081136.290000007</v>
      </c>
      <c r="E26" s="11">
        <v>80002175.959999993</v>
      </c>
      <c r="F26" s="11">
        <v>77525.91</v>
      </c>
      <c r="G26" s="11">
        <v>7404876.0599999996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7404876.0599999996</v>
      </c>
    </row>
    <row r="27" spans="1:14" x14ac:dyDescent="0.25">
      <c r="A27" s="2" t="s">
        <v>48</v>
      </c>
      <c r="B27" s="4" t="s">
        <v>812</v>
      </c>
      <c r="C27" s="12">
        <v>7403386.8200000003</v>
      </c>
      <c r="D27" s="12">
        <v>57469118.140000001</v>
      </c>
      <c r="E27" s="12">
        <v>57467683.719999999</v>
      </c>
      <c r="F27" s="12">
        <v>0</v>
      </c>
      <c r="G27" s="12">
        <v>7404821.2400000002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7404821.2400000002</v>
      </c>
    </row>
    <row r="28" spans="1:14" x14ac:dyDescent="0.25">
      <c r="A28" s="3" t="s">
        <v>50</v>
      </c>
      <c r="B28" s="5" t="s">
        <v>813</v>
      </c>
      <c r="C28" s="11">
        <v>0</v>
      </c>
      <c r="D28" s="11">
        <v>3756738.66</v>
      </c>
      <c r="E28" s="11">
        <v>3756738.66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2</v>
      </c>
      <c r="B29" s="4" t="s">
        <v>800</v>
      </c>
      <c r="C29" s="12">
        <v>0</v>
      </c>
      <c r="D29" s="12">
        <v>3756240.29</v>
      </c>
      <c r="E29" s="12">
        <v>3756240.29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4</v>
      </c>
      <c r="B30" s="4" t="s">
        <v>801</v>
      </c>
      <c r="C30" s="12">
        <v>0</v>
      </c>
      <c r="D30" s="12">
        <v>498.37</v>
      </c>
      <c r="E30" s="12">
        <v>498.37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6</v>
      </c>
      <c r="B31" s="4" t="s">
        <v>80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8</v>
      </c>
      <c r="B32" s="5" t="s">
        <v>814</v>
      </c>
      <c r="C32" s="11">
        <v>54.82</v>
      </c>
      <c r="D32" s="11">
        <v>16618113.210000001</v>
      </c>
      <c r="E32" s="11">
        <v>16540587.300000001</v>
      </c>
      <c r="F32" s="11">
        <v>77525.91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60</v>
      </c>
      <c r="B33" s="4" t="s">
        <v>804</v>
      </c>
      <c r="C33" s="12">
        <v>54.82</v>
      </c>
      <c r="D33" s="12">
        <v>16618113.210000001</v>
      </c>
      <c r="E33" s="12">
        <v>16540587.300000001</v>
      </c>
      <c r="F33" s="12">
        <v>77525.91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2</v>
      </c>
      <c r="B34" s="4" t="s">
        <v>805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4</v>
      </c>
      <c r="B35" s="5" t="s">
        <v>806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6</v>
      </c>
      <c r="B36" s="4" t="s">
        <v>807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8</v>
      </c>
      <c r="B37" s="4" t="s">
        <v>80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70</v>
      </c>
      <c r="B38" s="4" t="s">
        <v>809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2</v>
      </c>
      <c r="B39" s="4" t="s">
        <v>810</v>
      </c>
      <c r="C39" s="12">
        <v>0</v>
      </c>
      <c r="D39" s="12">
        <v>2237166.2799999998</v>
      </c>
      <c r="E39" s="12">
        <v>2237166.2799999998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4</v>
      </c>
      <c r="B40" s="5" t="s">
        <v>815</v>
      </c>
      <c r="C40" s="11">
        <v>84104959.010000005</v>
      </c>
      <c r="D40" s="11">
        <v>314336966.77999997</v>
      </c>
      <c r="E40" s="11">
        <v>319142416.63</v>
      </c>
      <c r="F40" s="11">
        <v>1708594.04</v>
      </c>
      <c r="G40" s="11">
        <v>77590915.120000005</v>
      </c>
      <c r="H40" s="11">
        <v>64719138.039999999</v>
      </c>
      <c r="I40" s="11">
        <v>280946258.94</v>
      </c>
      <c r="J40" s="11">
        <v>189910123.61000001</v>
      </c>
      <c r="K40" s="11">
        <v>189682474.22</v>
      </c>
      <c r="L40" s="11">
        <v>40161156.369999997</v>
      </c>
      <c r="M40" s="11">
        <v>115821766.39</v>
      </c>
      <c r="N40" s="11">
        <v>193412681.50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topLeftCell="A156" workbookViewId="0">
      <selection activeCell="C165" sqref="C165:D171"/>
    </sheetView>
  </sheetViews>
  <sheetFormatPr defaultRowHeight="15" x14ac:dyDescent="0.25"/>
  <cols>
    <col min="1" max="1" width="2.7109375" bestFit="1" customWidth="1"/>
    <col min="2" max="2" width="80.28515625" customWidth="1"/>
    <col min="3" max="3" width="20.5703125" bestFit="1" customWidth="1"/>
    <col min="4" max="4" width="19.42578125" bestFit="1" customWidth="1"/>
    <col min="5" max="6" width="19" bestFit="1" customWidth="1"/>
    <col min="7" max="7" width="1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16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17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18</v>
      </c>
      <c r="C10" s="10" t="s">
        <v>10</v>
      </c>
      <c r="D10" s="10" t="s">
        <v>555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19</v>
      </c>
      <c r="C12" s="11">
        <v>11960266900</v>
      </c>
      <c r="D12" s="11">
        <v>9810558573.1499996</v>
      </c>
    </row>
    <row r="13" spans="1:8" x14ac:dyDescent="0.25">
      <c r="A13" s="3" t="s">
        <v>19</v>
      </c>
      <c r="B13" s="5" t="s">
        <v>820</v>
      </c>
      <c r="C13" s="11">
        <v>10054096900</v>
      </c>
      <c r="D13" s="11">
        <v>8164144095.2700005</v>
      </c>
    </row>
    <row r="14" spans="1:8" x14ac:dyDescent="0.25">
      <c r="A14" s="2" t="s">
        <v>21</v>
      </c>
      <c r="B14" s="4" t="s">
        <v>821</v>
      </c>
      <c r="C14" s="12">
        <v>9969297400</v>
      </c>
      <c r="D14" s="12">
        <v>8101503883.1099997</v>
      </c>
    </row>
    <row r="15" spans="1:8" x14ac:dyDescent="0.25">
      <c r="A15" s="2" t="s">
        <v>23</v>
      </c>
      <c r="B15" s="4" t="s">
        <v>822</v>
      </c>
      <c r="C15" s="12">
        <v>84799500</v>
      </c>
      <c r="D15" s="12">
        <v>62640212.159999996</v>
      </c>
    </row>
    <row r="16" spans="1:8" x14ac:dyDescent="0.25">
      <c r="A16" s="2" t="s">
        <v>25</v>
      </c>
      <c r="B16" s="4" t="s">
        <v>823</v>
      </c>
      <c r="C16" s="12">
        <v>182844600</v>
      </c>
      <c r="D16" s="12">
        <v>246612506.56999999</v>
      </c>
    </row>
    <row r="17" spans="1:4" x14ac:dyDescent="0.25">
      <c r="A17" s="2" t="s">
        <v>27</v>
      </c>
      <c r="B17" s="4" t="s">
        <v>824</v>
      </c>
      <c r="C17" s="12">
        <v>730803700</v>
      </c>
      <c r="D17" s="12">
        <v>738303600.07000005</v>
      </c>
    </row>
    <row r="18" spans="1:4" x14ac:dyDescent="0.25">
      <c r="A18" s="2" t="s">
        <v>30</v>
      </c>
      <c r="B18" s="4" t="s">
        <v>825</v>
      </c>
      <c r="C18" s="12">
        <v>992521700</v>
      </c>
      <c r="D18" s="12">
        <v>661498371.24000001</v>
      </c>
    </row>
    <row r="19" spans="1:4" x14ac:dyDescent="0.25">
      <c r="A19" s="3" t="s">
        <v>32</v>
      </c>
      <c r="B19" s="5" t="s">
        <v>826</v>
      </c>
      <c r="C19" s="11">
        <v>1384235900</v>
      </c>
      <c r="D19" s="11">
        <v>1216953547.54</v>
      </c>
    </row>
    <row r="20" spans="1:4" x14ac:dyDescent="0.25">
      <c r="A20" s="2" t="s">
        <v>34</v>
      </c>
      <c r="B20" s="4" t="s">
        <v>827</v>
      </c>
      <c r="C20" s="12">
        <v>1273744200</v>
      </c>
      <c r="D20" s="12">
        <v>1125380594.8599999</v>
      </c>
    </row>
    <row r="21" spans="1:4" x14ac:dyDescent="0.25">
      <c r="A21" s="2" t="s">
        <v>36</v>
      </c>
      <c r="B21" s="4" t="s">
        <v>828</v>
      </c>
      <c r="C21" s="12">
        <v>110491700</v>
      </c>
      <c r="D21" s="12">
        <v>91572952.680000007</v>
      </c>
    </row>
    <row r="22" spans="1:4" x14ac:dyDescent="0.25">
      <c r="A22" s="2" t="s">
        <v>38</v>
      </c>
      <c r="B22" s="4" t="s">
        <v>829</v>
      </c>
      <c r="C22" s="12">
        <v>0</v>
      </c>
      <c r="D22" s="12">
        <v>0</v>
      </c>
    </row>
    <row r="23" spans="1:4" x14ac:dyDescent="0.25">
      <c r="A23" s="2" t="s">
        <v>40</v>
      </c>
      <c r="B23" s="4" t="s">
        <v>830</v>
      </c>
      <c r="C23" s="12">
        <v>0</v>
      </c>
      <c r="D23" s="12">
        <v>0</v>
      </c>
    </row>
    <row r="24" spans="1:4" x14ac:dyDescent="0.25">
      <c r="A24" s="3" t="s">
        <v>42</v>
      </c>
      <c r="B24" s="5" t="s">
        <v>831</v>
      </c>
      <c r="C24" s="11">
        <v>2885349100</v>
      </c>
      <c r="D24" s="11">
        <v>2417421008.8400002</v>
      </c>
    </row>
    <row r="25" spans="1:4" x14ac:dyDescent="0.25">
      <c r="A25" s="2" t="s">
        <v>44</v>
      </c>
      <c r="B25" s="4" t="s">
        <v>832</v>
      </c>
      <c r="C25" s="12">
        <v>2492324300</v>
      </c>
      <c r="D25" s="12">
        <v>2025375970.6199999</v>
      </c>
    </row>
    <row r="26" spans="1:4" x14ac:dyDescent="0.25">
      <c r="A26" s="2" t="s">
        <v>46</v>
      </c>
      <c r="B26" s="4" t="s">
        <v>833</v>
      </c>
      <c r="C26" s="12">
        <v>365401900</v>
      </c>
      <c r="D26" s="12">
        <v>369151800.06999999</v>
      </c>
    </row>
    <row r="27" spans="1:4" x14ac:dyDescent="0.25">
      <c r="A27" s="2" t="s">
        <v>48</v>
      </c>
      <c r="B27" s="4" t="s">
        <v>834</v>
      </c>
      <c r="C27" s="12">
        <v>27622900</v>
      </c>
      <c r="D27" s="12">
        <v>22893238.149999999</v>
      </c>
    </row>
    <row r="28" spans="1:4" x14ac:dyDescent="0.25">
      <c r="A28" s="3" t="s">
        <v>50</v>
      </c>
      <c r="B28" s="5" t="s">
        <v>835</v>
      </c>
      <c r="C28" s="11">
        <v>10459153700</v>
      </c>
      <c r="D28" s="11">
        <v>8610091111.8500004</v>
      </c>
    </row>
    <row r="30" spans="1:4" x14ac:dyDescent="0.25">
      <c r="A30" s="10" t="s">
        <v>6</v>
      </c>
      <c r="B30" s="10" t="s">
        <v>836</v>
      </c>
      <c r="C30" s="10" t="s">
        <v>10</v>
      </c>
      <c r="D30" s="10" t="s">
        <v>555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52</v>
      </c>
      <c r="B32" s="4" t="s">
        <v>836</v>
      </c>
      <c r="C32" s="12">
        <v>1893326400</v>
      </c>
      <c r="D32" s="12">
        <v>1589718548.1199999</v>
      </c>
    </row>
    <row r="34" spans="1:4" x14ac:dyDescent="0.25">
      <c r="A34" s="10" t="s">
        <v>6</v>
      </c>
      <c r="B34" s="10" t="s">
        <v>837</v>
      </c>
      <c r="C34" s="10" t="s">
        <v>10</v>
      </c>
      <c r="D34" s="10" t="s">
        <v>555</v>
      </c>
    </row>
    <row r="35" spans="1:4" x14ac:dyDescent="0.25">
      <c r="A35" s="10" t="s">
        <v>7</v>
      </c>
      <c r="B35" s="10" t="s">
        <v>7</v>
      </c>
      <c r="C35" s="10" t="s">
        <v>7</v>
      </c>
      <c r="D35" s="10" t="s">
        <v>7</v>
      </c>
    </row>
    <row r="36" spans="1:4" x14ac:dyDescent="0.25">
      <c r="A36" s="2" t="s">
        <v>54</v>
      </c>
      <c r="B36" s="4" t="s">
        <v>837</v>
      </c>
      <c r="C36" s="12">
        <v>721462025</v>
      </c>
      <c r="D36" s="12">
        <v>562804229.84000003</v>
      </c>
    </row>
    <row r="38" spans="1:4" x14ac:dyDescent="0.25">
      <c r="A38" s="10" t="s">
        <v>6</v>
      </c>
      <c r="B38" s="10" t="s">
        <v>838</v>
      </c>
      <c r="C38" s="10" t="s">
        <v>10</v>
      </c>
      <c r="D38" s="10" t="s">
        <v>555</v>
      </c>
    </row>
    <row r="39" spans="1:4" x14ac:dyDescent="0.25">
      <c r="A39" s="10" t="s">
        <v>7</v>
      </c>
      <c r="B39" s="10" t="s">
        <v>7</v>
      </c>
      <c r="C39" s="10" t="s">
        <v>7</v>
      </c>
      <c r="D39" s="10" t="s">
        <v>7</v>
      </c>
    </row>
    <row r="40" spans="1:4" x14ac:dyDescent="0.25">
      <c r="A40" s="3" t="s">
        <v>56</v>
      </c>
      <c r="B40" s="5" t="s">
        <v>839</v>
      </c>
      <c r="C40" s="11">
        <v>1205818000</v>
      </c>
      <c r="D40" s="11">
        <v>903266934.70000005</v>
      </c>
    </row>
    <row r="41" spans="1:4" x14ac:dyDescent="0.25">
      <c r="A41" s="3" t="s">
        <v>58</v>
      </c>
      <c r="B41" s="5" t="s">
        <v>840</v>
      </c>
      <c r="C41" s="11">
        <v>1205818000</v>
      </c>
      <c r="D41" s="11">
        <v>903266934.70000005</v>
      </c>
    </row>
    <row r="42" spans="1:4" x14ac:dyDescent="0.25">
      <c r="A42" s="2" t="s">
        <v>60</v>
      </c>
      <c r="B42" s="4" t="s">
        <v>841</v>
      </c>
      <c r="C42" s="12">
        <v>1205818000</v>
      </c>
      <c r="D42" s="12">
        <v>900702471.28999996</v>
      </c>
    </row>
    <row r="43" spans="1:4" x14ac:dyDescent="0.25">
      <c r="A43" s="2" t="s">
        <v>62</v>
      </c>
      <c r="B43" s="4" t="s">
        <v>842</v>
      </c>
      <c r="C43" s="12">
        <v>0</v>
      </c>
      <c r="D43" s="12">
        <v>2564463.41</v>
      </c>
    </row>
    <row r="44" spans="1:4" x14ac:dyDescent="0.25">
      <c r="A44" s="3" t="s">
        <v>64</v>
      </c>
      <c r="B44" s="5" t="s">
        <v>843</v>
      </c>
      <c r="C44" s="11">
        <v>0</v>
      </c>
      <c r="D44" s="11">
        <v>0</v>
      </c>
    </row>
    <row r="45" spans="1:4" x14ac:dyDescent="0.25">
      <c r="A45" s="2" t="s">
        <v>66</v>
      </c>
      <c r="B45" s="4" t="s">
        <v>844</v>
      </c>
      <c r="C45" s="12">
        <v>0</v>
      </c>
      <c r="D45" s="12">
        <v>0</v>
      </c>
    </row>
    <row r="46" spans="1:4" x14ac:dyDescent="0.25">
      <c r="A46" s="2" t="s">
        <v>68</v>
      </c>
      <c r="B46" s="4" t="s">
        <v>845</v>
      </c>
      <c r="C46" s="12">
        <v>0</v>
      </c>
      <c r="D46" s="12">
        <v>0</v>
      </c>
    </row>
    <row r="47" spans="1:4" x14ac:dyDescent="0.25">
      <c r="A47" s="3" t="s">
        <v>70</v>
      </c>
      <c r="B47" s="5" t="s">
        <v>846</v>
      </c>
      <c r="C47" s="11">
        <v>0</v>
      </c>
      <c r="D47" s="11">
        <v>0</v>
      </c>
    </row>
    <row r="48" spans="1:4" x14ac:dyDescent="0.25">
      <c r="A48" s="2" t="s">
        <v>72</v>
      </c>
      <c r="B48" s="4" t="s">
        <v>847</v>
      </c>
      <c r="C48" s="12">
        <v>0</v>
      </c>
      <c r="D48" s="12">
        <v>0</v>
      </c>
    </row>
    <row r="49" spans="1:7" x14ac:dyDescent="0.25">
      <c r="A49" s="2" t="s">
        <v>74</v>
      </c>
      <c r="B49" s="4" t="s">
        <v>848</v>
      </c>
      <c r="C49" s="12">
        <v>0</v>
      </c>
      <c r="D49" s="12">
        <v>0</v>
      </c>
    </row>
    <row r="50" spans="1:7" x14ac:dyDescent="0.25">
      <c r="A50" s="2" t="s">
        <v>76</v>
      </c>
      <c r="B50" s="4" t="s">
        <v>849</v>
      </c>
      <c r="C50" s="12">
        <v>-687508400</v>
      </c>
      <c r="D50" s="12">
        <v>-689016076.83000004</v>
      </c>
    </row>
    <row r="52" spans="1:7" x14ac:dyDescent="0.25">
      <c r="A52" s="10" t="s">
        <v>6</v>
      </c>
      <c r="B52" s="10" t="s">
        <v>850</v>
      </c>
      <c r="C52" s="10" t="s">
        <v>732</v>
      </c>
    </row>
    <row r="53" spans="1:7" x14ac:dyDescent="0.25">
      <c r="A53" s="10" t="s">
        <v>7</v>
      </c>
      <c r="B53" s="10" t="s">
        <v>7</v>
      </c>
      <c r="C53" s="10" t="s">
        <v>7</v>
      </c>
    </row>
    <row r="54" spans="1:7" x14ac:dyDescent="0.25">
      <c r="A54" s="3" t="s">
        <v>78</v>
      </c>
      <c r="B54" s="5" t="s">
        <v>851</v>
      </c>
      <c r="C54" s="11">
        <v>17653177.280000001</v>
      </c>
    </row>
    <row r="55" spans="1:7" x14ac:dyDescent="0.25">
      <c r="A55" s="2" t="s">
        <v>80</v>
      </c>
      <c r="B55" s="4" t="s">
        <v>852</v>
      </c>
      <c r="C55" s="12">
        <v>17653177.280000001</v>
      </c>
    </row>
    <row r="56" spans="1:7" x14ac:dyDescent="0.25">
      <c r="A56" s="2" t="s">
        <v>82</v>
      </c>
      <c r="B56" s="4" t="s">
        <v>853</v>
      </c>
      <c r="C56" s="12">
        <v>0</v>
      </c>
    </row>
    <row r="58" spans="1:7" x14ac:dyDescent="0.25">
      <c r="A58" s="10" t="s">
        <v>6</v>
      </c>
      <c r="B58" s="10" t="s">
        <v>854</v>
      </c>
      <c r="C58" s="10" t="s">
        <v>732</v>
      </c>
    </row>
    <row r="59" spans="1:7" x14ac:dyDescent="0.25">
      <c r="A59" s="10" t="s">
        <v>7</v>
      </c>
      <c r="B59" s="10" t="s">
        <v>7</v>
      </c>
      <c r="C59" s="10" t="s">
        <v>7</v>
      </c>
    </row>
    <row r="60" spans="1:7" x14ac:dyDescent="0.25">
      <c r="A60" s="2" t="s">
        <v>84</v>
      </c>
      <c r="B60" s="4" t="s">
        <v>854</v>
      </c>
      <c r="C60" s="12">
        <v>920920111.98000002</v>
      </c>
    </row>
    <row r="62" spans="1:7" x14ac:dyDescent="0.25">
      <c r="A62" s="10" t="s">
        <v>6</v>
      </c>
      <c r="B62" s="10" t="s">
        <v>855</v>
      </c>
      <c r="C62" s="10" t="s">
        <v>577</v>
      </c>
      <c r="D62" s="10" t="s">
        <v>578</v>
      </c>
      <c r="E62" s="10" t="s">
        <v>579</v>
      </c>
      <c r="F62" s="10" t="s">
        <v>580</v>
      </c>
      <c r="G62" s="10" t="s">
        <v>856</v>
      </c>
    </row>
    <row r="63" spans="1:7" x14ac:dyDescent="0.25">
      <c r="A63" s="10" t="s">
        <v>7</v>
      </c>
      <c r="B63" s="10" t="s">
        <v>7</v>
      </c>
      <c r="C63" s="10" t="s">
        <v>7</v>
      </c>
      <c r="D63" s="10" t="s">
        <v>7</v>
      </c>
      <c r="E63" s="10" t="s">
        <v>7</v>
      </c>
      <c r="F63" s="10" t="s">
        <v>7</v>
      </c>
      <c r="G63" s="10" t="s">
        <v>7</v>
      </c>
    </row>
    <row r="64" spans="1:7" x14ac:dyDescent="0.25">
      <c r="A64" s="3" t="s">
        <v>86</v>
      </c>
      <c r="B64" s="5" t="s">
        <v>857</v>
      </c>
      <c r="C64" s="11">
        <v>1186386000</v>
      </c>
      <c r="D64" s="11">
        <v>804359942.40999997</v>
      </c>
      <c r="E64" s="11">
        <v>785097433.52999997</v>
      </c>
      <c r="F64" s="11">
        <v>760106461.27999997</v>
      </c>
      <c r="G64" s="11">
        <v>0</v>
      </c>
    </row>
    <row r="65" spans="1:7" x14ac:dyDescent="0.25">
      <c r="A65" s="2" t="s">
        <v>88</v>
      </c>
      <c r="B65" s="4" t="s">
        <v>858</v>
      </c>
      <c r="C65" s="12">
        <v>474554400</v>
      </c>
      <c r="D65" s="12">
        <v>321743976.95999998</v>
      </c>
      <c r="E65" s="12">
        <v>314038973.41000003</v>
      </c>
      <c r="F65" s="12">
        <v>304042584.50999999</v>
      </c>
      <c r="G65" s="12">
        <v>0</v>
      </c>
    </row>
    <row r="66" spans="1:7" x14ac:dyDescent="0.25">
      <c r="A66" s="2" t="s">
        <v>90</v>
      </c>
      <c r="B66" s="4" t="s">
        <v>859</v>
      </c>
      <c r="C66" s="12">
        <v>711831600</v>
      </c>
      <c r="D66" s="12">
        <v>482615965.44999999</v>
      </c>
      <c r="E66" s="12">
        <v>471058460.12</v>
      </c>
      <c r="F66" s="12">
        <v>456063876.76999998</v>
      </c>
      <c r="G66" s="12">
        <v>0</v>
      </c>
    </row>
    <row r="67" spans="1:7" x14ac:dyDescent="0.25">
      <c r="A67" s="3" t="s">
        <v>92</v>
      </c>
      <c r="B67" s="5" t="s">
        <v>860</v>
      </c>
      <c r="C67" s="11">
        <v>19432000</v>
      </c>
      <c r="D67" s="11">
        <v>10821212.58</v>
      </c>
      <c r="E67" s="11">
        <v>8118092.1699999999</v>
      </c>
      <c r="F67" s="11">
        <v>8118092.1699999999</v>
      </c>
      <c r="G67" s="11">
        <v>0</v>
      </c>
    </row>
    <row r="68" spans="1:7" x14ac:dyDescent="0.25">
      <c r="A68" s="2" t="s">
        <v>94</v>
      </c>
      <c r="B68" s="4" t="s">
        <v>861</v>
      </c>
      <c r="C68" s="12">
        <v>7772800</v>
      </c>
      <c r="D68" s="12">
        <v>4328485.03</v>
      </c>
      <c r="E68" s="12">
        <v>3247236.87</v>
      </c>
      <c r="F68" s="12">
        <v>3247236.87</v>
      </c>
      <c r="G68" s="12">
        <v>0</v>
      </c>
    </row>
    <row r="69" spans="1:7" x14ac:dyDescent="0.25">
      <c r="A69" s="2" t="s">
        <v>96</v>
      </c>
      <c r="B69" s="4" t="s">
        <v>862</v>
      </c>
      <c r="C69" s="12">
        <v>11659200</v>
      </c>
      <c r="D69" s="12">
        <v>6492727.5499999998</v>
      </c>
      <c r="E69" s="12">
        <v>4870855.3</v>
      </c>
      <c r="F69" s="12">
        <v>4870855.3</v>
      </c>
      <c r="G69" s="12">
        <v>0</v>
      </c>
    </row>
    <row r="70" spans="1:7" x14ac:dyDescent="0.25">
      <c r="A70" s="3" t="s">
        <v>98</v>
      </c>
      <c r="B70" s="5" t="s">
        <v>863</v>
      </c>
      <c r="C70" s="11">
        <v>1205818000</v>
      </c>
      <c r="D70" s="11">
        <v>815181154.99000001</v>
      </c>
      <c r="E70" s="11">
        <v>793215525.70000005</v>
      </c>
      <c r="F70" s="11">
        <v>768224553.45000005</v>
      </c>
      <c r="G70" s="11">
        <v>0</v>
      </c>
    </row>
    <row r="72" spans="1:7" x14ac:dyDescent="0.25">
      <c r="A72" s="10" t="s">
        <v>6</v>
      </c>
      <c r="B72" s="10" t="s">
        <v>864</v>
      </c>
      <c r="C72" s="10" t="s">
        <v>578</v>
      </c>
      <c r="D72" s="10" t="s">
        <v>579</v>
      </c>
      <c r="E72" s="10" t="s">
        <v>580</v>
      </c>
      <c r="F72" s="10" t="s">
        <v>856</v>
      </c>
      <c r="G72" s="10" t="s">
        <v>865</v>
      </c>
    </row>
    <row r="73" spans="1:7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0" t="s">
        <v>7</v>
      </c>
      <c r="F73" s="10" t="s">
        <v>7</v>
      </c>
      <c r="G73" s="10" t="s">
        <v>7</v>
      </c>
    </row>
    <row r="74" spans="1:7" x14ac:dyDescent="0.25">
      <c r="A74" s="2" t="s">
        <v>100</v>
      </c>
      <c r="B74" s="4" t="s">
        <v>866</v>
      </c>
      <c r="C74" s="12">
        <v>804359942.40999997</v>
      </c>
      <c r="D74" s="12">
        <v>785097433.52999997</v>
      </c>
      <c r="E74" s="12">
        <v>760106461.27999997</v>
      </c>
      <c r="F74" s="12">
        <v>0</v>
      </c>
      <c r="G74" s="12">
        <v>0</v>
      </c>
    </row>
    <row r="75" spans="1:7" x14ac:dyDescent="0.25">
      <c r="A75" s="2" t="s">
        <v>102</v>
      </c>
      <c r="B75" s="4" t="s">
        <v>867</v>
      </c>
      <c r="C75" s="12">
        <v>815181154.99000001</v>
      </c>
      <c r="D75" s="12">
        <v>793215525.70000005</v>
      </c>
      <c r="E75" s="12">
        <v>768224553.45000005</v>
      </c>
      <c r="F75" s="12">
        <v>0</v>
      </c>
      <c r="G75" s="12">
        <v>0</v>
      </c>
    </row>
    <row r="76" spans="1:7" x14ac:dyDescent="0.25">
      <c r="A76" s="2" t="s">
        <v>104</v>
      </c>
      <c r="B76" s="4" t="s">
        <v>868</v>
      </c>
      <c r="C76" s="12">
        <v>0</v>
      </c>
      <c r="D76" s="12">
        <v>0</v>
      </c>
      <c r="E76" s="12">
        <v>0</v>
      </c>
      <c r="F76" s="12">
        <v>0</v>
      </c>
      <c r="G76" s="12">
        <v>0</v>
      </c>
    </row>
    <row r="77" spans="1:7" x14ac:dyDescent="0.25">
      <c r="A77" s="2" t="s">
        <v>106</v>
      </c>
      <c r="B77" s="4" t="s">
        <v>869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</row>
    <row r="78" spans="1:7" x14ac:dyDescent="0.25">
      <c r="A78" s="2" t="s">
        <v>108</v>
      </c>
      <c r="B78" s="4" t="s">
        <v>870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</row>
    <row r="80" spans="1:7" x14ac:dyDescent="0.25">
      <c r="A80" s="10" t="s">
        <v>6</v>
      </c>
      <c r="B80" s="10" t="s">
        <v>871</v>
      </c>
      <c r="C80" s="10" t="s">
        <v>872</v>
      </c>
      <c r="D80" s="10" t="s">
        <v>873</v>
      </c>
      <c r="E80" s="10" t="s">
        <v>874</v>
      </c>
      <c r="F80" s="10" t="s">
        <v>875</v>
      </c>
    </row>
    <row r="81" spans="1:8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8" x14ac:dyDescent="0.25">
      <c r="A82" s="2" t="s">
        <v>110</v>
      </c>
      <c r="B82" s="4" t="s">
        <v>876</v>
      </c>
      <c r="C82" s="12">
        <v>632286854.28999996</v>
      </c>
      <c r="D82" s="12">
        <v>785097433.52999997</v>
      </c>
      <c r="E82" s="12">
        <v>785097433.52999997</v>
      </c>
      <c r="F82" s="12">
        <v>86.92</v>
      </c>
    </row>
    <row r="83" spans="1:8" x14ac:dyDescent="0.25">
      <c r="A83" s="2" t="s">
        <v>112</v>
      </c>
      <c r="B83" s="4" t="s">
        <v>877</v>
      </c>
      <c r="C83" s="12">
        <v>0</v>
      </c>
      <c r="D83" s="12">
        <v>0</v>
      </c>
      <c r="E83" s="12">
        <v>0</v>
      </c>
      <c r="F83" s="12">
        <v>0</v>
      </c>
    </row>
    <row r="85" spans="1:8" x14ac:dyDescent="0.25">
      <c r="A85" s="10" t="s">
        <v>6</v>
      </c>
      <c r="B85" s="10" t="s">
        <v>878</v>
      </c>
      <c r="C85" s="10" t="s">
        <v>879</v>
      </c>
      <c r="D85" s="10" t="s">
        <v>880</v>
      </c>
      <c r="E85" s="10" t="s">
        <v>881</v>
      </c>
      <c r="F85" s="10" t="s">
        <v>882</v>
      </c>
    </row>
    <row r="86" spans="1:8" x14ac:dyDescent="0.25">
      <c r="A86" s="10" t="s">
        <v>7</v>
      </c>
      <c r="B86" s="10" t="s">
        <v>7</v>
      </c>
      <c r="C86" s="10" t="s">
        <v>7</v>
      </c>
      <c r="D86" s="10" t="s">
        <v>7</v>
      </c>
      <c r="E86" s="10" t="s">
        <v>7</v>
      </c>
      <c r="F86" s="10" t="s">
        <v>7</v>
      </c>
    </row>
    <row r="87" spans="1:8" x14ac:dyDescent="0.25">
      <c r="A87" s="2" t="s">
        <v>114</v>
      </c>
      <c r="B87" s="4" t="s">
        <v>883</v>
      </c>
      <c r="C87" s="12">
        <v>90326693.469999999</v>
      </c>
      <c r="D87" s="12">
        <v>88085779.709999993</v>
      </c>
      <c r="E87" s="12">
        <v>88085779.709999993</v>
      </c>
      <c r="F87" s="12">
        <v>9.75</v>
      </c>
    </row>
    <row r="89" spans="1:8" x14ac:dyDescent="0.25">
      <c r="A89" s="10" t="s">
        <v>6</v>
      </c>
      <c r="B89" s="10" t="s">
        <v>884</v>
      </c>
      <c r="C89" s="10" t="s">
        <v>885</v>
      </c>
      <c r="D89" s="10" t="s">
        <v>886</v>
      </c>
      <c r="E89" s="10" t="s">
        <v>887</v>
      </c>
      <c r="F89" s="10" t="s">
        <v>888</v>
      </c>
      <c r="G89" s="10" t="s">
        <v>889</v>
      </c>
      <c r="H89" s="10" t="s">
        <v>890</v>
      </c>
    </row>
    <row r="90" spans="1:8" x14ac:dyDescent="0.25">
      <c r="A90" s="10" t="s">
        <v>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0" t="s">
        <v>7</v>
      </c>
      <c r="H90" s="10" t="s">
        <v>7</v>
      </c>
    </row>
    <row r="91" spans="1:8" x14ac:dyDescent="0.25">
      <c r="A91" s="3" t="s">
        <v>116</v>
      </c>
      <c r="B91" s="5" t="s">
        <v>891</v>
      </c>
      <c r="C91" s="11">
        <v>56832221.840000004</v>
      </c>
      <c r="D91" s="11">
        <v>17653177.280000001</v>
      </c>
      <c r="E91" s="11">
        <v>17653177.280000001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8</v>
      </c>
      <c r="B92" s="4" t="s">
        <v>892</v>
      </c>
      <c r="C92" s="12">
        <v>56832221.840000004</v>
      </c>
      <c r="D92" s="12">
        <v>17653177.280000001</v>
      </c>
      <c r="E92" s="12">
        <v>17653177.280000001</v>
      </c>
      <c r="F92" s="12">
        <v>0</v>
      </c>
      <c r="G92" s="12">
        <v>0</v>
      </c>
      <c r="H92" s="12">
        <v>0</v>
      </c>
    </row>
    <row r="93" spans="1:8" x14ac:dyDescent="0.25">
      <c r="A93" s="2" t="s">
        <v>120</v>
      </c>
      <c r="B93" s="4" t="s">
        <v>893</v>
      </c>
      <c r="C93" s="12">
        <v>0</v>
      </c>
      <c r="D93" s="12">
        <v>0</v>
      </c>
      <c r="E93" s="12">
        <v>0</v>
      </c>
      <c r="F93" s="12">
        <v>0</v>
      </c>
      <c r="G93" s="12">
        <v>0</v>
      </c>
      <c r="H93" s="12">
        <v>0</v>
      </c>
    </row>
    <row r="95" spans="1:8" x14ac:dyDescent="0.25">
      <c r="A95" s="10" t="s">
        <v>6</v>
      </c>
      <c r="B95" s="10" t="s">
        <v>894</v>
      </c>
      <c r="C95" s="10" t="s">
        <v>577</v>
      </c>
      <c r="D95" s="10" t="s">
        <v>578</v>
      </c>
      <c r="E95" s="10" t="s">
        <v>579</v>
      </c>
      <c r="F95" s="10" t="s">
        <v>580</v>
      </c>
      <c r="G95" s="10" t="s">
        <v>856</v>
      </c>
    </row>
    <row r="96" spans="1:8" x14ac:dyDescent="0.25">
      <c r="A96" s="10" t="s">
        <v>7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0" t="s">
        <v>7</v>
      </c>
    </row>
    <row r="97" spans="1:8" x14ac:dyDescent="0.25">
      <c r="A97" s="3" t="s">
        <v>121</v>
      </c>
      <c r="B97" s="5" t="s">
        <v>895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  <c r="H97" s="13"/>
    </row>
    <row r="98" spans="1:8" x14ac:dyDescent="0.25">
      <c r="A98" s="2" t="s">
        <v>122</v>
      </c>
      <c r="B98" s="4" t="s">
        <v>896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3"/>
    </row>
    <row r="99" spans="1:8" x14ac:dyDescent="0.25">
      <c r="A99" s="2" t="s">
        <v>123</v>
      </c>
      <c r="B99" s="4" t="s">
        <v>897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3"/>
    </row>
    <row r="100" spans="1:8" x14ac:dyDescent="0.25">
      <c r="A100" s="2" t="s">
        <v>124</v>
      </c>
      <c r="B100" s="4" t="s">
        <v>898</v>
      </c>
      <c r="C100" s="12">
        <v>24647866</v>
      </c>
      <c r="D100" s="12">
        <v>19692349.489999998</v>
      </c>
      <c r="E100" s="12">
        <v>17194274.059999999</v>
      </c>
      <c r="F100" s="12">
        <v>14014064.560000001</v>
      </c>
      <c r="G100" s="12">
        <v>0</v>
      </c>
      <c r="H100" s="13"/>
    </row>
    <row r="101" spans="1:8" x14ac:dyDescent="0.25">
      <c r="A101" s="2" t="s">
        <v>125</v>
      </c>
      <c r="B101" s="4" t="s">
        <v>899</v>
      </c>
      <c r="C101" s="12">
        <v>940904324</v>
      </c>
      <c r="D101" s="12">
        <v>745294579.16999996</v>
      </c>
      <c r="E101" s="12">
        <v>629331080.17999995</v>
      </c>
      <c r="F101" s="12">
        <v>572677345.34000003</v>
      </c>
      <c r="G101" s="12">
        <v>0</v>
      </c>
      <c r="H101" s="13"/>
    </row>
    <row r="102" spans="1:8" x14ac:dyDescent="0.25">
      <c r="A102" s="2" t="s">
        <v>126</v>
      </c>
      <c r="B102" s="4" t="s">
        <v>900</v>
      </c>
      <c r="C102" s="12">
        <v>250384700</v>
      </c>
      <c r="D102" s="12">
        <v>159639146.03999999</v>
      </c>
      <c r="E102" s="12">
        <v>155047462.15000001</v>
      </c>
      <c r="F102" s="12">
        <v>154773578.31999999</v>
      </c>
      <c r="G102" s="12">
        <v>0</v>
      </c>
      <c r="H102" s="13"/>
    </row>
    <row r="103" spans="1:8" x14ac:dyDescent="0.25">
      <c r="A103" s="2" t="s">
        <v>127</v>
      </c>
      <c r="B103" s="4" t="s">
        <v>901</v>
      </c>
      <c r="C103" s="12">
        <v>447810</v>
      </c>
      <c r="D103" s="12">
        <v>408602.13</v>
      </c>
      <c r="E103" s="12">
        <v>188849.97</v>
      </c>
      <c r="F103" s="12">
        <v>188849.97</v>
      </c>
      <c r="G103" s="12">
        <v>0</v>
      </c>
      <c r="H103" s="13"/>
    </row>
    <row r="104" spans="1:8" x14ac:dyDescent="0.25">
      <c r="A104" s="3" t="s">
        <v>128</v>
      </c>
      <c r="B104" s="5" t="s">
        <v>902</v>
      </c>
      <c r="C104" s="11">
        <v>1216384700</v>
      </c>
      <c r="D104" s="11">
        <v>925034676.83000004</v>
      </c>
      <c r="E104" s="11">
        <v>801761666.36000001</v>
      </c>
      <c r="F104" s="11">
        <v>741653838.19000006</v>
      </c>
      <c r="G104" s="11">
        <v>0</v>
      </c>
      <c r="H104" s="13"/>
    </row>
    <row r="106" spans="1:8" x14ac:dyDescent="0.25">
      <c r="A106" s="10" t="s">
        <v>6</v>
      </c>
      <c r="B106" s="10" t="s">
        <v>903</v>
      </c>
      <c r="C106" s="10" t="s">
        <v>732</v>
      </c>
    </row>
    <row r="107" spans="1:8" x14ac:dyDescent="0.25">
      <c r="A107" s="10" t="s">
        <v>7</v>
      </c>
      <c r="B107" s="10" t="s">
        <v>7</v>
      </c>
      <c r="C107" s="10" t="s">
        <v>7</v>
      </c>
    </row>
    <row r="108" spans="1:8" x14ac:dyDescent="0.25">
      <c r="A108" s="2" t="s">
        <v>130</v>
      </c>
      <c r="B108" s="4" t="s">
        <v>904</v>
      </c>
      <c r="C108" s="12">
        <v>1594977192.0599999</v>
      </c>
    </row>
    <row r="109" spans="1:8" x14ac:dyDescent="0.25">
      <c r="A109" s="2" t="s">
        <v>132</v>
      </c>
      <c r="B109" s="4" t="s">
        <v>905</v>
      </c>
      <c r="C109" s="12">
        <v>-689016076.83000004</v>
      </c>
    </row>
    <row r="110" spans="1:8" x14ac:dyDescent="0.25">
      <c r="A110" s="2" t="s">
        <v>134</v>
      </c>
      <c r="B110" s="4" t="s">
        <v>906</v>
      </c>
      <c r="C110" s="12">
        <v>0</v>
      </c>
    </row>
    <row r="111" spans="1:8" x14ac:dyDescent="0.25">
      <c r="A111" s="2" t="s">
        <v>136</v>
      </c>
      <c r="B111" s="4" t="s">
        <v>907</v>
      </c>
      <c r="C111" s="12">
        <v>0</v>
      </c>
    </row>
    <row r="112" spans="1:8" x14ac:dyDescent="0.25">
      <c r="A112" s="2" t="s">
        <v>138</v>
      </c>
      <c r="B112" s="4" t="s">
        <v>908</v>
      </c>
      <c r="C112" s="12">
        <v>528285.41</v>
      </c>
    </row>
    <row r="113" spans="1:7" x14ac:dyDescent="0.25">
      <c r="A113" s="3" t="s">
        <v>140</v>
      </c>
      <c r="B113" s="5" t="s">
        <v>909</v>
      </c>
      <c r="C113" s="11">
        <v>2283464983.48</v>
      </c>
    </row>
    <row r="115" spans="1:7" x14ac:dyDescent="0.25">
      <c r="A115" s="10" t="s">
        <v>6</v>
      </c>
      <c r="B115" s="10" t="s">
        <v>910</v>
      </c>
      <c r="C115" s="10" t="s">
        <v>911</v>
      </c>
      <c r="D115" s="10" t="s">
        <v>912</v>
      </c>
      <c r="E115" s="10" t="s">
        <v>913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  <c r="E116" s="10" t="s">
        <v>7</v>
      </c>
    </row>
    <row r="117" spans="1:7" x14ac:dyDescent="0.25">
      <c r="A117" s="2" t="s">
        <v>142</v>
      </c>
      <c r="B117" s="4" t="s">
        <v>914</v>
      </c>
      <c r="C117" s="12">
        <v>2152522777.96</v>
      </c>
      <c r="D117" s="12">
        <v>2283464983.48</v>
      </c>
      <c r="E117" s="12">
        <v>26.52</v>
      </c>
    </row>
    <row r="119" spans="1:7" x14ac:dyDescent="0.25">
      <c r="A119" s="10" t="s">
        <v>6</v>
      </c>
      <c r="B119" s="10" t="s">
        <v>915</v>
      </c>
      <c r="C119" s="10" t="s">
        <v>916</v>
      </c>
      <c r="D119" s="10" t="s">
        <v>917</v>
      </c>
      <c r="E119" s="10" t="s">
        <v>918</v>
      </c>
      <c r="F119" s="10" t="s">
        <v>919</v>
      </c>
      <c r="G119" s="10" t="s">
        <v>920</v>
      </c>
    </row>
    <row r="120" spans="1:7" x14ac:dyDescent="0.25">
      <c r="A120" s="10" t="s">
        <v>7</v>
      </c>
      <c r="B120" s="10" t="s">
        <v>7</v>
      </c>
      <c r="C120" s="10" t="s">
        <v>7</v>
      </c>
      <c r="D120" s="10" t="s">
        <v>7</v>
      </c>
      <c r="E120" s="10" t="s">
        <v>7</v>
      </c>
      <c r="F120" s="10" t="s">
        <v>7</v>
      </c>
      <c r="G120" s="10" t="s">
        <v>7</v>
      </c>
    </row>
    <row r="121" spans="1:7" x14ac:dyDescent="0.25">
      <c r="A121" s="3" t="s">
        <v>144</v>
      </c>
      <c r="B121" s="5" t="s">
        <v>921</v>
      </c>
      <c r="C121" s="11">
        <v>98923969.840000004</v>
      </c>
      <c r="D121" s="11">
        <v>0</v>
      </c>
      <c r="E121" s="11">
        <v>92047055.239999995</v>
      </c>
      <c r="F121" s="11">
        <v>528285.41</v>
      </c>
      <c r="G121" s="11">
        <v>6348629.1900000004</v>
      </c>
    </row>
    <row r="122" spans="1:7" x14ac:dyDescent="0.25">
      <c r="A122" s="2" t="s">
        <v>146</v>
      </c>
      <c r="B122" s="4" t="s">
        <v>922</v>
      </c>
      <c r="C122" s="12">
        <v>96435930.469999999</v>
      </c>
      <c r="D122" s="12">
        <v>0</v>
      </c>
      <c r="E122" s="12">
        <v>89559015.870000005</v>
      </c>
      <c r="F122" s="12">
        <v>528285.41</v>
      </c>
      <c r="G122" s="12">
        <v>6348629.1900000004</v>
      </c>
    </row>
    <row r="123" spans="1:7" x14ac:dyDescent="0.25">
      <c r="A123" s="2" t="s">
        <v>148</v>
      </c>
      <c r="B123" s="4" t="s">
        <v>923</v>
      </c>
      <c r="C123" s="12">
        <v>2488039.37</v>
      </c>
      <c r="D123" s="12">
        <v>0</v>
      </c>
      <c r="E123" s="12">
        <v>2488039.37</v>
      </c>
      <c r="F123" s="12">
        <v>0</v>
      </c>
      <c r="G123" s="12">
        <v>0</v>
      </c>
    </row>
    <row r="124" spans="1:7" x14ac:dyDescent="0.25">
      <c r="A124" s="2" t="s">
        <v>150</v>
      </c>
      <c r="B124" s="4" t="s">
        <v>924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</row>
    <row r="126" spans="1:7" x14ac:dyDescent="0.25">
      <c r="A126" s="10" t="s">
        <v>6</v>
      </c>
      <c r="B126" s="10" t="s">
        <v>925</v>
      </c>
      <c r="C126" s="10" t="s">
        <v>10</v>
      </c>
      <c r="D126" s="10" t="s">
        <v>555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</row>
    <row r="128" spans="1:7" x14ac:dyDescent="0.25">
      <c r="A128" s="3" t="s">
        <v>152</v>
      </c>
      <c r="B128" s="5" t="s">
        <v>926</v>
      </c>
      <c r="C128" s="11">
        <v>166126000</v>
      </c>
      <c r="D128" s="11">
        <v>41839695.840000004</v>
      </c>
    </row>
    <row r="129" spans="1:7" x14ac:dyDescent="0.25">
      <c r="A129" s="2" t="s">
        <v>153</v>
      </c>
      <c r="B129" s="4" t="s">
        <v>927</v>
      </c>
      <c r="C129" s="12">
        <v>73336200</v>
      </c>
      <c r="D129" s="12">
        <v>26761958.449999999</v>
      </c>
    </row>
    <row r="130" spans="1:7" x14ac:dyDescent="0.25">
      <c r="A130" s="2" t="s">
        <v>154</v>
      </c>
      <c r="B130" s="4" t="s">
        <v>928</v>
      </c>
      <c r="C130" s="12">
        <v>0</v>
      </c>
      <c r="D130" s="12">
        <v>51292.19</v>
      </c>
    </row>
    <row r="131" spans="1:7" x14ac:dyDescent="0.25">
      <c r="A131" s="2" t="s">
        <v>156</v>
      </c>
      <c r="B131" s="4" t="s">
        <v>929</v>
      </c>
      <c r="C131" s="12">
        <v>18000000</v>
      </c>
      <c r="D131" s="12">
        <v>15026445.199999999</v>
      </c>
    </row>
    <row r="132" spans="1:7" x14ac:dyDescent="0.25">
      <c r="A132" s="2" t="s">
        <v>158</v>
      </c>
      <c r="B132" s="4" t="s">
        <v>930</v>
      </c>
      <c r="C132" s="12">
        <v>0</v>
      </c>
      <c r="D132" s="12">
        <v>0</v>
      </c>
    </row>
    <row r="133" spans="1:7" x14ac:dyDescent="0.25">
      <c r="A133" s="2" t="s">
        <v>160</v>
      </c>
      <c r="B133" s="4" t="s">
        <v>931</v>
      </c>
      <c r="C133" s="12">
        <v>74789800</v>
      </c>
      <c r="D133" s="12">
        <v>0</v>
      </c>
    </row>
    <row r="134" spans="1:7" x14ac:dyDescent="0.25">
      <c r="A134" s="2" t="s">
        <v>162</v>
      </c>
      <c r="B134" s="4" t="s">
        <v>932</v>
      </c>
      <c r="C134" s="12">
        <v>121859400</v>
      </c>
      <c r="D134" s="12">
        <v>1624200.6</v>
      </c>
    </row>
    <row r="135" spans="1:7" x14ac:dyDescent="0.25">
      <c r="A135" s="2" t="s">
        <v>164</v>
      </c>
      <c r="B135" s="4" t="s">
        <v>933</v>
      </c>
      <c r="C135" s="12">
        <v>0</v>
      </c>
      <c r="D135" s="12">
        <v>0</v>
      </c>
    </row>
    <row r="136" spans="1:7" x14ac:dyDescent="0.25">
      <c r="A136" s="2" t="s">
        <v>177</v>
      </c>
      <c r="B136" s="4" t="s">
        <v>934</v>
      </c>
      <c r="C136" s="12">
        <v>0</v>
      </c>
      <c r="D136" s="12">
        <v>0</v>
      </c>
    </row>
    <row r="137" spans="1:7" x14ac:dyDescent="0.25">
      <c r="A137" s="2" t="s">
        <v>179</v>
      </c>
      <c r="B137" s="4" t="s">
        <v>935</v>
      </c>
      <c r="C137" s="12">
        <v>0</v>
      </c>
      <c r="D137" s="12">
        <v>0</v>
      </c>
    </row>
    <row r="138" spans="1:7" x14ac:dyDescent="0.25">
      <c r="A138" s="3" t="s">
        <v>181</v>
      </c>
      <c r="B138" s="5" t="s">
        <v>936</v>
      </c>
      <c r="C138" s="11">
        <v>287985400</v>
      </c>
      <c r="D138" s="11">
        <v>43463896.439999998</v>
      </c>
    </row>
    <row r="140" spans="1:7" x14ac:dyDescent="0.25">
      <c r="A140" s="10" t="s">
        <v>6</v>
      </c>
      <c r="B140" s="10" t="s">
        <v>937</v>
      </c>
      <c r="C140" s="10" t="s">
        <v>577</v>
      </c>
      <c r="D140" s="10" t="s">
        <v>578</v>
      </c>
      <c r="E140" s="10" t="s">
        <v>579</v>
      </c>
      <c r="F140" s="10" t="s">
        <v>580</v>
      </c>
      <c r="G140" s="10" t="s">
        <v>856</v>
      </c>
    </row>
    <row r="141" spans="1:7" x14ac:dyDescent="0.25">
      <c r="A141" s="10" t="s">
        <v>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0" t="s">
        <v>7</v>
      </c>
    </row>
    <row r="142" spans="1:7" x14ac:dyDescent="0.25">
      <c r="A142" s="3" t="s">
        <v>183</v>
      </c>
      <c r="B142" s="5" t="s">
        <v>938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</row>
    <row r="143" spans="1:7" x14ac:dyDescent="0.25">
      <c r="A143" s="2" t="s">
        <v>185</v>
      </c>
      <c r="B143" s="4" t="s">
        <v>939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</row>
    <row r="144" spans="1:7" x14ac:dyDescent="0.25">
      <c r="A144" s="2" t="s">
        <v>187</v>
      </c>
      <c r="B144" s="4" t="s">
        <v>940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</row>
    <row r="145" spans="1:7" x14ac:dyDescent="0.25">
      <c r="A145" s="2" t="s">
        <v>189</v>
      </c>
      <c r="B145" s="4" t="s">
        <v>941</v>
      </c>
      <c r="C145" s="12">
        <v>482327200</v>
      </c>
      <c r="D145" s="12">
        <v>326072462</v>
      </c>
      <c r="E145" s="12">
        <v>317286210.27999997</v>
      </c>
      <c r="F145" s="12">
        <v>307289821.38</v>
      </c>
      <c r="G145" s="12">
        <v>0</v>
      </c>
    </row>
    <row r="146" spans="1:7" x14ac:dyDescent="0.25">
      <c r="A146" s="2" t="s">
        <v>191</v>
      </c>
      <c r="B146" s="4" t="s">
        <v>942</v>
      </c>
      <c r="C146" s="12">
        <v>796827000</v>
      </c>
      <c r="D146" s="12">
        <v>525871514.56</v>
      </c>
      <c r="E146" s="12">
        <v>503576640.19999999</v>
      </c>
      <c r="F146" s="12">
        <v>488581906.85000002</v>
      </c>
      <c r="G146" s="12">
        <v>0</v>
      </c>
    </row>
    <row r="147" spans="1:7" x14ac:dyDescent="0.25">
      <c r="A147" s="2" t="s">
        <v>193</v>
      </c>
      <c r="B147" s="4" t="s">
        <v>943</v>
      </c>
      <c r="C147" s="12">
        <v>31583000</v>
      </c>
      <c r="D147" s="12">
        <v>5490337.4199999999</v>
      </c>
      <c r="E147" s="12">
        <v>1588143.69</v>
      </c>
      <c r="F147" s="12">
        <v>1571137.46</v>
      </c>
      <c r="G147" s="12">
        <v>0</v>
      </c>
    </row>
    <row r="148" spans="1:7" x14ac:dyDescent="0.25">
      <c r="A148" s="2" t="s">
        <v>195</v>
      </c>
      <c r="B148" s="4" t="s">
        <v>944</v>
      </c>
      <c r="C148" s="12">
        <v>42630000</v>
      </c>
      <c r="D148" s="12">
        <v>2339558</v>
      </c>
      <c r="E148" s="12">
        <v>1539182.87</v>
      </c>
      <c r="F148" s="12">
        <v>1465789.62</v>
      </c>
      <c r="G148" s="12">
        <v>0</v>
      </c>
    </row>
    <row r="149" spans="1:7" x14ac:dyDescent="0.25">
      <c r="A149" s="3" t="s">
        <v>197</v>
      </c>
      <c r="B149" s="5" t="s">
        <v>945</v>
      </c>
      <c r="C149" s="11">
        <v>1353367200</v>
      </c>
      <c r="D149" s="11">
        <v>859773871.98000002</v>
      </c>
      <c r="E149" s="11">
        <v>823990177.03999996</v>
      </c>
      <c r="F149" s="11">
        <v>798908655.30999994</v>
      </c>
      <c r="G149" s="11">
        <v>0</v>
      </c>
    </row>
    <row r="151" spans="1:7" x14ac:dyDescent="0.25">
      <c r="A151" s="10" t="s">
        <v>6</v>
      </c>
      <c r="B151" s="10" t="s">
        <v>946</v>
      </c>
      <c r="C151" s="10" t="s">
        <v>577</v>
      </c>
      <c r="D151" s="10" t="s">
        <v>578</v>
      </c>
      <c r="E151" s="10" t="s">
        <v>579</v>
      </c>
      <c r="F151" s="10" t="s">
        <v>580</v>
      </c>
      <c r="G151" s="10" t="s">
        <v>856</v>
      </c>
    </row>
    <row r="152" spans="1:7" x14ac:dyDescent="0.25">
      <c r="A152" s="10" t="s">
        <v>7</v>
      </c>
      <c r="B152" s="10" t="s">
        <v>7</v>
      </c>
      <c r="C152" s="10" t="s">
        <v>7</v>
      </c>
      <c r="D152" s="10" t="s">
        <v>7</v>
      </c>
      <c r="E152" s="10" t="s">
        <v>7</v>
      </c>
      <c r="F152" s="10" t="s">
        <v>7</v>
      </c>
      <c r="G152" s="10" t="s">
        <v>7</v>
      </c>
    </row>
    <row r="153" spans="1:7" x14ac:dyDescent="0.25">
      <c r="A153" s="3" t="s">
        <v>199</v>
      </c>
      <c r="B153" s="5" t="s">
        <v>947</v>
      </c>
      <c r="C153" s="11">
        <v>2722927000</v>
      </c>
      <c r="D153" s="11">
        <v>1826806923.05</v>
      </c>
      <c r="E153" s="11">
        <v>1663864301.76</v>
      </c>
      <c r="F153" s="11">
        <v>1578674951.8599999</v>
      </c>
      <c r="G153" s="11">
        <v>0</v>
      </c>
    </row>
    <row r="154" spans="1:7" x14ac:dyDescent="0.25">
      <c r="A154" s="3" t="s">
        <v>201</v>
      </c>
      <c r="B154" s="5" t="s">
        <v>948</v>
      </c>
      <c r="C154" s="11">
        <v>2507658517</v>
      </c>
      <c r="D154" s="11">
        <v>1733115783.1400001</v>
      </c>
      <c r="E154" s="11">
        <v>1623148603.01</v>
      </c>
      <c r="F154" s="11">
        <v>1539751970.6199999</v>
      </c>
      <c r="G154" s="11">
        <v>0</v>
      </c>
    </row>
    <row r="155" spans="1:7" x14ac:dyDescent="0.25">
      <c r="A155" s="2" t="s">
        <v>203</v>
      </c>
      <c r="B155" s="4" t="s">
        <v>949</v>
      </c>
      <c r="C155" s="12">
        <v>1949867800</v>
      </c>
      <c r="D155" s="12">
        <v>1428689311.48</v>
      </c>
      <c r="E155" s="12">
        <v>1407408878.48</v>
      </c>
      <c r="F155" s="12">
        <v>1331354721.0599999</v>
      </c>
      <c r="G155" s="12">
        <v>0</v>
      </c>
    </row>
    <row r="156" spans="1:7" x14ac:dyDescent="0.25">
      <c r="A156" s="2" t="s">
        <v>205</v>
      </c>
      <c r="B156" s="4" t="s">
        <v>950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</row>
    <row r="157" spans="1:7" x14ac:dyDescent="0.25">
      <c r="A157" s="2" t="s">
        <v>207</v>
      </c>
      <c r="B157" s="4" t="s">
        <v>951</v>
      </c>
      <c r="C157" s="12">
        <v>23135432.93</v>
      </c>
      <c r="D157" s="12">
        <v>18428950.23</v>
      </c>
      <c r="E157" s="12">
        <v>17710133.23</v>
      </c>
      <c r="F157" s="12">
        <v>15900319.23</v>
      </c>
      <c r="G157" s="12">
        <v>0</v>
      </c>
    </row>
    <row r="158" spans="1:7" x14ac:dyDescent="0.25">
      <c r="A158" s="2" t="s">
        <v>209</v>
      </c>
      <c r="B158" s="4" t="s">
        <v>952</v>
      </c>
      <c r="C158" s="12">
        <v>534655284.06999999</v>
      </c>
      <c r="D158" s="12">
        <v>285997521.43000001</v>
      </c>
      <c r="E158" s="12">
        <v>198029591.30000001</v>
      </c>
      <c r="F158" s="12">
        <v>192496930.33000001</v>
      </c>
      <c r="G158" s="12">
        <v>0</v>
      </c>
    </row>
    <row r="159" spans="1:7" x14ac:dyDescent="0.25">
      <c r="A159" s="3" t="s">
        <v>211</v>
      </c>
      <c r="B159" s="5" t="s">
        <v>953</v>
      </c>
      <c r="C159" s="11">
        <v>215268483</v>
      </c>
      <c r="D159" s="11">
        <v>93691139.909999996</v>
      </c>
      <c r="E159" s="11">
        <v>40715698.75</v>
      </c>
      <c r="F159" s="11">
        <v>38922981.240000002</v>
      </c>
      <c r="G159" s="11">
        <v>0</v>
      </c>
    </row>
    <row r="160" spans="1:7" x14ac:dyDescent="0.25">
      <c r="A160" s="2" t="s">
        <v>213</v>
      </c>
      <c r="B160" s="4" t="s">
        <v>954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</row>
    <row r="161" spans="1:7" x14ac:dyDescent="0.25">
      <c r="A161" s="2" t="s">
        <v>215</v>
      </c>
      <c r="B161" s="4" t="s">
        <v>955</v>
      </c>
      <c r="C161" s="12">
        <v>215268483</v>
      </c>
      <c r="D161" s="12">
        <v>93691139.909999996</v>
      </c>
      <c r="E161" s="12">
        <v>40715698.75</v>
      </c>
      <c r="F161" s="12">
        <v>38922981.240000002</v>
      </c>
      <c r="G161" s="12">
        <v>0</v>
      </c>
    </row>
    <row r="163" spans="1:7" x14ac:dyDescent="0.25">
      <c r="A163" s="10" t="s">
        <v>6</v>
      </c>
      <c r="B163" s="10" t="s">
        <v>956</v>
      </c>
      <c r="C163" s="10" t="s">
        <v>957</v>
      </c>
      <c r="D163" s="10" t="s">
        <v>958</v>
      </c>
    </row>
    <row r="164" spans="1:7" x14ac:dyDescent="0.25">
      <c r="A164" s="10" t="s">
        <v>7</v>
      </c>
      <c r="B164" s="10" t="s">
        <v>7</v>
      </c>
      <c r="C164" s="10" t="s">
        <v>7</v>
      </c>
      <c r="D164" s="10" t="s">
        <v>7</v>
      </c>
    </row>
    <row r="165" spans="1:7" x14ac:dyDescent="0.25">
      <c r="A165" s="2" t="s">
        <v>216</v>
      </c>
      <c r="B165" s="4" t="s">
        <v>959</v>
      </c>
      <c r="C165" s="12">
        <v>17653177.280000001</v>
      </c>
      <c r="D165" s="12">
        <v>10470588.27</v>
      </c>
    </row>
    <row r="166" spans="1:7" x14ac:dyDescent="0.25">
      <c r="A166" s="2" t="s">
        <v>217</v>
      </c>
      <c r="B166" s="4" t="s">
        <v>960</v>
      </c>
      <c r="C166" s="12">
        <v>903266934.70000005</v>
      </c>
      <c r="D166" s="12">
        <v>26761958.449999999</v>
      </c>
    </row>
    <row r="167" spans="1:7" x14ac:dyDescent="0.25">
      <c r="A167" s="2" t="s">
        <v>219</v>
      </c>
      <c r="B167" s="4" t="s">
        <v>961</v>
      </c>
      <c r="C167" s="12">
        <v>770712592.82000005</v>
      </c>
      <c r="D167" s="12">
        <v>31703578.18</v>
      </c>
    </row>
    <row r="168" spans="1:7" x14ac:dyDescent="0.25">
      <c r="A168" s="3" t="s">
        <v>221</v>
      </c>
      <c r="B168" s="5" t="s">
        <v>962</v>
      </c>
      <c r="C168" s="11">
        <v>150207519.16</v>
      </c>
      <c r="D168" s="11">
        <v>5528968.54</v>
      </c>
    </row>
    <row r="169" spans="1:7" x14ac:dyDescent="0.25">
      <c r="A169" s="2" t="s">
        <v>223</v>
      </c>
      <c r="B169" s="4" t="s">
        <v>963</v>
      </c>
      <c r="C169" s="12">
        <v>0</v>
      </c>
      <c r="D169" s="12">
        <v>0</v>
      </c>
    </row>
    <row r="170" spans="1:7" x14ac:dyDescent="0.25">
      <c r="A170" s="2" t="s">
        <v>226</v>
      </c>
      <c r="B170" s="4" t="s">
        <v>964</v>
      </c>
      <c r="C170" s="12">
        <v>25747102.170000002</v>
      </c>
      <c r="D170" s="12">
        <v>70438.12</v>
      </c>
    </row>
    <row r="171" spans="1:7" x14ac:dyDescent="0.25">
      <c r="A171" s="3" t="s">
        <v>228</v>
      </c>
      <c r="B171" s="5" t="s">
        <v>965</v>
      </c>
      <c r="C171" s="11">
        <v>124460416.98999999</v>
      </c>
      <c r="D171" s="11">
        <v>5458530.4199999999</v>
      </c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topLeftCell="A28" workbookViewId="0">
      <selection activeCell="C12" sqref="C12:G36"/>
    </sheetView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66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67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68</v>
      </c>
      <c r="C10" s="10" t="s">
        <v>969</v>
      </c>
      <c r="D10" s="10" t="s">
        <v>970</v>
      </c>
      <c r="E10" s="10" t="s">
        <v>971</v>
      </c>
      <c r="F10" s="10" t="s">
        <v>972</v>
      </c>
      <c r="G10" s="10" t="s">
        <v>973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974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975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</row>
    <row r="14" spans="1:7" x14ac:dyDescent="0.25">
      <c r="A14" s="2" t="s">
        <v>21</v>
      </c>
      <c r="B14" s="4" t="s">
        <v>976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</row>
    <row r="15" spans="1:7" x14ac:dyDescent="0.25">
      <c r="A15" s="2" t="s">
        <v>23</v>
      </c>
      <c r="B15" s="4" t="s">
        <v>977</v>
      </c>
      <c r="C15" s="12">
        <v>0</v>
      </c>
      <c r="D15" s="12">
        <v>0</v>
      </c>
      <c r="E15" s="12">
        <v>0</v>
      </c>
      <c r="F15" s="12">
        <v>0</v>
      </c>
      <c r="G15" s="12">
        <v>0</v>
      </c>
    </row>
    <row r="16" spans="1:7" x14ac:dyDescent="0.25">
      <c r="A16" s="2" t="s">
        <v>25</v>
      </c>
      <c r="B16" s="4" t="s">
        <v>978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</row>
    <row r="17" spans="1:7" x14ac:dyDescent="0.25">
      <c r="A17" s="2" t="s">
        <v>27</v>
      </c>
      <c r="B17" s="4" t="s">
        <v>979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</row>
    <row r="18" spans="1:7" x14ac:dyDescent="0.25">
      <c r="A18" s="3" t="s">
        <v>30</v>
      </c>
      <c r="B18" s="5" t="s">
        <v>980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2</v>
      </c>
      <c r="B19" s="4" t="s">
        <v>975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</row>
    <row r="20" spans="1:7" x14ac:dyDescent="0.25">
      <c r="A20" s="2" t="s">
        <v>34</v>
      </c>
      <c r="B20" s="4" t="s">
        <v>976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</row>
    <row r="21" spans="1:7" x14ac:dyDescent="0.25">
      <c r="A21" s="2" t="s">
        <v>36</v>
      </c>
      <c r="B21" s="4" t="s">
        <v>977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</row>
    <row r="22" spans="1:7" x14ac:dyDescent="0.25">
      <c r="A22" s="2" t="s">
        <v>38</v>
      </c>
      <c r="B22" s="4" t="s">
        <v>97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</row>
    <row r="23" spans="1:7" x14ac:dyDescent="0.25">
      <c r="A23" s="2" t="s">
        <v>40</v>
      </c>
      <c r="B23" s="4" t="s">
        <v>981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</row>
    <row r="24" spans="1:7" x14ac:dyDescent="0.25">
      <c r="A24" s="3" t="s">
        <v>42</v>
      </c>
      <c r="B24" s="5" t="s">
        <v>982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4</v>
      </c>
      <c r="B25" s="4" t="s">
        <v>975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</row>
    <row r="26" spans="1:7" x14ac:dyDescent="0.25">
      <c r="A26" s="2" t="s">
        <v>46</v>
      </c>
      <c r="B26" s="4" t="s">
        <v>97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</row>
    <row r="27" spans="1:7" x14ac:dyDescent="0.25">
      <c r="A27" s="2" t="s">
        <v>48</v>
      </c>
      <c r="B27" s="4" t="s">
        <v>977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</row>
    <row r="28" spans="1:7" x14ac:dyDescent="0.25">
      <c r="A28" s="2" t="s">
        <v>50</v>
      </c>
      <c r="B28" s="4" t="s">
        <v>978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</row>
    <row r="29" spans="1:7" x14ac:dyDescent="0.25">
      <c r="A29" s="2" t="s">
        <v>52</v>
      </c>
      <c r="B29" s="4" t="s">
        <v>981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</row>
    <row r="30" spans="1:7" x14ac:dyDescent="0.25">
      <c r="A30" s="3" t="s">
        <v>54</v>
      </c>
      <c r="B30" s="5" t="s">
        <v>983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6</v>
      </c>
      <c r="B31" s="4" t="s">
        <v>978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</row>
    <row r="32" spans="1:7" x14ac:dyDescent="0.25">
      <c r="A32" s="2" t="s">
        <v>58</v>
      </c>
      <c r="B32" s="4" t="s">
        <v>981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</row>
    <row r="33" spans="1:7" x14ac:dyDescent="0.25">
      <c r="A33" s="3" t="s">
        <v>60</v>
      </c>
      <c r="B33" s="5" t="s">
        <v>984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2</v>
      </c>
      <c r="B34" s="4" t="s">
        <v>978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</row>
    <row r="35" spans="1:7" x14ac:dyDescent="0.25">
      <c r="A35" s="2" t="s">
        <v>64</v>
      </c>
      <c r="B35" s="4" t="s">
        <v>981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</row>
    <row r="36" spans="1:7" x14ac:dyDescent="0.25">
      <c r="A36" s="3" t="s">
        <v>66</v>
      </c>
      <c r="B36" s="5" t="s">
        <v>985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topLeftCell="A69" workbookViewId="0">
      <selection activeCell="C151" sqref="C151:J160"/>
    </sheetView>
  </sheetViews>
  <sheetFormatPr defaultRowHeight="15" x14ac:dyDescent="0.25"/>
  <cols>
    <col min="1" max="1" width="3.7109375" bestFit="1" customWidth="1"/>
    <col min="2" max="2" width="92.7109375" customWidth="1"/>
    <col min="3" max="4" width="20.28515625" bestFit="1" customWidth="1"/>
    <col min="5" max="5" width="19.140625" bestFit="1" customWidth="1"/>
    <col min="6" max="6" width="13.7109375" bestFit="1" customWidth="1"/>
    <col min="7" max="7" width="19" bestFit="1" customWidth="1"/>
    <col min="8" max="8" width="12.140625" bestFit="1" customWidth="1"/>
    <col min="9" max="9" width="19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98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98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988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2</v>
      </c>
      <c r="F11" s="1" t="s">
        <v>989</v>
      </c>
    </row>
    <row r="12" spans="1:12" x14ac:dyDescent="0.25">
      <c r="A12" s="3" t="s">
        <v>17</v>
      </c>
      <c r="B12" s="5" t="s">
        <v>990</v>
      </c>
      <c r="C12" s="11">
        <v>11960266900</v>
      </c>
      <c r="D12" s="11">
        <v>11960266900</v>
      </c>
      <c r="E12" s="11">
        <v>9810558573.1499996</v>
      </c>
      <c r="F12" s="11">
        <v>82.03</v>
      </c>
    </row>
    <row r="13" spans="1:12" x14ac:dyDescent="0.25">
      <c r="A13" s="3" t="s">
        <v>19</v>
      </c>
      <c r="B13" s="5" t="s">
        <v>991</v>
      </c>
      <c r="C13" s="11">
        <v>10054096900</v>
      </c>
      <c r="D13" s="11">
        <v>10054096900</v>
      </c>
      <c r="E13" s="11">
        <v>8164144095.2700005</v>
      </c>
      <c r="F13" s="11">
        <v>81.2</v>
      </c>
    </row>
    <row r="14" spans="1:12" x14ac:dyDescent="0.25">
      <c r="A14" s="2" t="s">
        <v>21</v>
      </c>
      <c r="B14" s="4" t="s">
        <v>992</v>
      </c>
      <c r="C14" s="12">
        <v>9850946800</v>
      </c>
      <c r="D14" s="12">
        <v>9850946800</v>
      </c>
      <c r="E14" s="12">
        <v>8029042510.1099997</v>
      </c>
      <c r="F14" s="12">
        <v>81.510000000000005</v>
      </c>
    </row>
    <row r="15" spans="1:12" x14ac:dyDescent="0.25">
      <c r="A15" s="2" t="s">
        <v>23</v>
      </c>
      <c r="B15" s="4" t="s">
        <v>993</v>
      </c>
      <c r="C15" s="12">
        <v>118350600</v>
      </c>
      <c r="D15" s="12">
        <v>118350600</v>
      </c>
      <c r="E15" s="12">
        <v>72461373</v>
      </c>
      <c r="F15" s="12">
        <v>61.23</v>
      </c>
    </row>
    <row r="16" spans="1:12" x14ac:dyDescent="0.25">
      <c r="A16" s="2" t="s">
        <v>25</v>
      </c>
      <c r="B16" s="4" t="s">
        <v>994</v>
      </c>
      <c r="C16" s="12">
        <v>84799500</v>
      </c>
      <c r="D16" s="12">
        <v>84799500</v>
      </c>
      <c r="E16" s="12">
        <v>62640212.159999996</v>
      </c>
      <c r="F16" s="12">
        <v>73.87</v>
      </c>
    </row>
    <row r="17" spans="1:6" x14ac:dyDescent="0.25">
      <c r="A17" s="3" t="s">
        <v>27</v>
      </c>
      <c r="B17" s="5" t="s">
        <v>995</v>
      </c>
      <c r="C17" s="11">
        <v>182844600</v>
      </c>
      <c r="D17" s="11">
        <v>182844600</v>
      </c>
      <c r="E17" s="11">
        <v>246612506.56999999</v>
      </c>
      <c r="F17" s="11">
        <v>134.88</v>
      </c>
    </row>
    <row r="18" spans="1:6" x14ac:dyDescent="0.25">
      <c r="A18" s="2" t="s">
        <v>30</v>
      </c>
      <c r="B18" s="4" t="s">
        <v>996</v>
      </c>
      <c r="C18" s="12">
        <v>182844600</v>
      </c>
      <c r="D18" s="12">
        <v>182844600</v>
      </c>
      <c r="E18" s="12">
        <v>244859906.77000001</v>
      </c>
      <c r="F18" s="12">
        <v>133.91999999999999</v>
      </c>
    </row>
    <row r="19" spans="1:6" x14ac:dyDescent="0.25">
      <c r="A19" s="2" t="s">
        <v>32</v>
      </c>
      <c r="B19" s="4" t="s">
        <v>997</v>
      </c>
      <c r="C19" s="12">
        <v>0</v>
      </c>
      <c r="D19" s="12">
        <v>0</v>
      </c>
      <c r="E19" s="12">
        <v>1752599.8</v>
      </c>
      <c r="F19" s="12">
        <v>0</v>
      </c>
    </row>
    <row r="20" spans="1:6" x14ac:dyDescent="0.25">
      <c r="A20" s="3" t="s">
        <v>34</v>
      </c>
      <c r="B20" s="5" t="s">
        <v>998</v>
      </c>
      <c r="C20" s="11">
        <v>730803700</v>
      </c>
      <c r="D20" s="11">
        <v>730803700</v>
      </c>
      <c r="E20" s="11">
        <v>738303600.07000005</v>
      </c>
      <c r="F20" s="11">
        <v>101.03</v>
      </c>
    </row>
    <row r="21" spans="1:6" x14ac:dyDescent="0.25">
      <c r="A21" s="2" t="s">
        <v>36</v>
      </c>
      <c r="B21" s="4" t="s">
        <v>999</v>
      </c>
      <c r="C21" s="12">
        <v>675783900</v>
      </c>
      <c r="D21" s="12">
        <v>675783900</v>
      </c>
      <c r="E21" s="12">
        <v>693436304.86000001</v>
      </c>
      <c r="F21" s="12">
        <v>102.61</v>
      </c>
    </row>
    <row r="22" spans="1:6" x14ac:dyDescent="0.25">
      <c r="A22" s="2" t="s">
        <v>38</v>
      </c>
      <c r="B22" s="4" t="s">
        <v>1000</v>
      </c>
      <c r="C22" s="12">
        <v>55019800</v>
      </c>
      <c r="D22" s="12">
        <v>55019800</v>
      </c>
      <c r="E22" s="12">
        <v>44867295.210000001</v>
      </c>
      <c r="F22" s="12">
        <v>81.55</v>
      </c>
    </row>
    <row r="23" spans="1:6" x14ac:dyDescent="0.25">
      <c r="A23" s="2" t="s">
        <v>40</v>
      </c>
      <c r="B23" s="4" t="s">
        <v>1001</v>
      </c>
      <c r="C23" s="12">
        <v>992521700</v>
      </c>
      <c r="D23" s="12">
        <v>992521700</v>
      </c>
      <c r="E23" s="12">
        <v>661498371.24000001</v>
      </c>
      <c r="F23" s="12">
        <v>66.650000000000006</v>
      </c>
    </row>
    <row r="24" spans="1:6" x14ac:dyDescent="0.25">
      <c r="A24" s="3" t="s">
        <v>42</v>
      </c>
      <c r="B24" s="5" t="s">
        <v>1002</v>
      </c>
      <c r="C24" s="11">
        <v>1403274000</v>
      </c>
      <c r="D24" s="11">
        <v>1403274000</v>
      </c>
      <c r="E24" s="11">
        <v>1216953547.54</v>
      </c>
      <c r="F24" s="11">
        <v>171.23</v>
      </c>
    </row>
    <row r="25" spans="1:6" x14ac:dyDescent="0.25">
      <c r="A25" s="2" t="s">
        <v>44</v>
      </c>
      <c r="B25" s="4" t="s">
        <v>1003</v>
      </c>
      <c r="C25" s="12">
        <v>1273744200</v>
      </c>
      <c r="D25" s="12">
        <v>1273744200</v>
      </c>
      <c r="E25" s="12">
        <v>1125380594.8599999</v>
      </c>
      <c r="F25" s="12">
        <v>88.35</v>
      </c>
    </row>
    <row r="26" spans="1:6" x14ac:dyDescent="0.25">
      <c r="A26" s="2" t="s">
        <v>46</v>
      </c>
      <c r="B26" s="4" t="s">
        <v>1004</v>
      </c>
      <c r="C26" s="12">
        <v>19038100</v>
      </c>
      <c r="D26" s="12">
        <v>19038100</v>
      </c>
      <c r="E26" s="12">
        <v>0</v>
      </c>
      <c r="F26" s="12">
        <v>0</v>
      </c>
    </row>
    <row r="27" spans="1:6" x14ac:dyDescent="0.25">
      <c r="A27" s="3" t="s">
        <v>48</v>
      </c>
      <c r="B27" s="5" t="s">
        <v>1005</v>
      </c>
      <c r="C27" s="11">
        <v>110491700</v>
      </c>
      <c r="D27" s="11">
        <v>110491700</v>
      </c>
      <c r="E27" s="11">
        <v>91572952.680000007</v>
      </c>
      <c r="F27" s="11">
        <v>82.88</v>
      </c>
    </row>
    <row r="28" spans="1:6" x14ac:dyDescent="0.25">
      <c r="A28" s="2" t="s">
        <v>50</v>
      </c>
      <c r="B28" s="4" t="s">
        <v>1006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52</v>
      </c>
      <c r="B29" s="4" t="s">
        <v>1007</v>
      </c>
      <c r="C29" s="12">
        <v>110491700</v>
      </c>
      <c r="D29" s="12">
        <v>110491700</v>
      </c>
      <c r="E29" s="12">
        <v>91572952.680000007</v>
      </c>
      <c r="F29" s="12">
        <v>82.88</v>
      </c>
    </row>
    <row r="30" spans="1:6" x14ac:dyDescent="0.25">
      <c r="A30" s="3" t="s">
        <v>54</v>
      </c>
      <c r="B30" s="5" t="s">
        <v>1008</v>
      </c>
      <c r="C30" s="11">
        <v>2885349100</v>
      </c>
      <c r="D30" s="11">
        <v>2885349100</v>
      </c>
      <c r="E30" s="11">
        <v>2417421008.8400002</v>
      </c>
      <c r="F30" s="11">
        <v>83.78</v>
      </c>
    </row>
    <row r="31" spans="1:6" x14ac:dyDescent="0.25">
      <c r="A31" s="2" t="s">
        <v>56</v>
      </c>
      <c r="B31" s="4" t="s">
        <v>1009</v>
      </c>
      <c r="C31" s="12">
        <v>2492324300</v>
      </c>
      <c r="D31" s="12">
        <v>2492324300</v>
      </c>
      <c r="E31" s="12">
        <v>2025375970.6199999</v>
      </c>
      <c r="F31" s="12">
        <v>81.260000000000005</v>
      </c>
    </row>
    <row r="32" spans="1:6" x14ac:dyDescent="0.25">
      <c r="A32" s="2" t="s">
        <v>58</v>
      </c>
      <c r="B32" s="4" t="s">
        <v>1010</v>
      </c>
      <c r="C32" s="12">
        <v>365401900</v>
      </c>
      <c r="D32" s="12">
        <v>365401900</v>
      </c>
      <c r="E32" s="12">
        <v>369151800.06999999</v>
      </c>
      <c r="F32" s="12">
        <v>101.03</v>
      </c>
    </row>
    <row r="33" spans="1:10" x14ac:dyDescent="0.25">
      <c r="A33" s="2" t="s">
        <v>60</v>
      </c>
      <c r="B33" s="4" t="s">
        <v>1011</v>
      </c>
      <c r="C33" s="12">
        <v>27622900</v>
      </c>
      <c r="D33" s="12">
        <v>27622900</v>
      </c>
      <c r="E33" s="12">
        <v>22893238.149999999</v>
      </c>
      <c r="F33" s="12">
        <v>82.88</v>
      </c>
    </row>
    <row r="34" spans="1:10" x14ac:dyDescent="0.25">
      <c r="A34" s="3" t="s">
        <v>62</v>
      </c>
      <c r="B34" s="5" t="s">
        <v>1012</v>
      </c>
      <c r="C34" s="11">
        <v>10478191800</v>
      </c>
      <c r="D34" s="11">
        <v>10478191800</v>
      </c>
      <c r="E34" s="11">
        <v>8610091111.8500004</v>
      </c>
      <c r="F34" s="11">
        <v>82.17</v>
      </c>
    </row>
    <row r="36" spans="1:10" x14ac:dyDescent="0.25">
      <c r="A36" s="10" t="s">
        <v>6</v>
      </c>
      <c r="B36" s="10" t="s">
        <v>1013</v>
      </c>
      <c r="C36" s="10" t="s">
        <v>370</v>
      </c>
      <c r="D36" s="10" t="s">
        <v>577</v>
      </c>
      <c r="E36" s="10" t="s">
        <v>169</v>
      </c>
      <c r="F36" s="10" t="s">
        <v>7</v>
      </c>
      <c r="G36" s="10" t="s">
        <v>173</v>
      </c>
      <c r="H36" s="10" t="s">
        <v>7</v>
      </c>
      <c r="I36" s="10" t="s">
        <v>1017</v>
      </c>
      <c r="J36" s="10" t="s">
        <v>1017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375</v>
      </c>
      <c r="F37" s="1" t="s">
        <v>1014</v>
      </c>
      <c r="G37" s="1" t="s">
        <v>1015</v>
      </c>
      <c r="H37" s="1" t="s">
        <v>1016</v>
      </c>
      <c r="I37" s="1" t="s">
        <v>171</v>
      </c>
      <c r="J37" s="1" t="s">
        <v>1018</v>
      </c>
    </row>
    <row r="38" spans="1:10" x14ac:dyDescent="0.25">
      <c r="A38" s="3" t="s">
        <v>64</v>
      </c>
      <c r="B38" s="5" t="s">
        <v>1019</v>
      </c>
      <c r="C38" s="11">
        <v>69829000</v>
      </c>
      <c r="D38" s="11">
        <v>60611770</v>
      </c>
      <c r="E38" s="11">
        <v>40361426.43</v>
      </c>
      <c r="F38" s="11">
        <v>66.59</v>
      </c>
      <c r="G38" s="11">
        <v>31652158.280000001</v>
      </c>
      <c r="H38" s="11">
        <v>52.22</v>
      </c>
      <c r="I38" s="11">
        <v>29230740.420000002</v>
      </c>
      <c r="J38" s="11">
        <v>48.23</v>
      </c>
    </row>
    <row r="39" spans="1:10" x14ac:dyDescent="0.25">
      <c r="A39" s="2" t="s">
        <v>66</v>
      </c>
      <c r="B39" s="4" t="s">
        <v>1020</v>
      </c>
      <c r="C39" s="12">
        <v>69829000</v>
      </c>
      <c r="D39" s="12">
        <v>60611770</v>
      </c>
      <c r="E39" s="12">
        <v>40361426.43</v>
      </c>
      <c r="F39" s="12">
        <v>66.59</v>
      </c>
      <c r="G39" s="12">
        <v>31652158.280000001</v>
      </c>
      <c r="H39" s="12">
        <v>52.22</v>
      </c>
      <c r="I39" s="12">
        <v>29230740.420000002</v>
      </c>
      <c r="J39" s="12">
        <v>48.23</v>
      </c>
    </row>
    <row r="40" spans="1:10" x14ac:dyDescent="0.25">
      <c r="A40" s="2" t="s">
        <v>68</v>
      </c>
      <c r="B40" s="4" t="s">
        <v>1021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70</v>
      </c>
      <c r="B41" s="5" t="s">
        <v>1022</v>
      </c>
      <c r="C41" s="11">
        <v>709427300</v>
      </c>
      <c r="D41" s="11">
        <v>715942874</v>
      </c>
      <c r="E41" s="11">
        <v>489285056.05000001</v>
      </c>
      <c r="F41" s="11">
        <v>110.69</v>
      </c>
      <c r="G41" s="11">
        <v>422675268.17000002</v>
      </c>
      <c r="H41" s="11">
        <v>85.75</v>
      </c>
      <c r="I41" s="11">
        <v>415258714.07999998</v>
      </c>
      <c r="J41" s="11">
        <v>83.74</v>
      </c>
    </row>
    <row r="42" spans="1:10" x14ac:dyDescent="0.25">
      <c r="A42" s="2" t="s">
        <v>72</v>
      </c>
      <c r="B42" s="4" t="s">
        <v>1020</v>
      </c>
      <c r="C42" s="12">
        <v>680892300</v>
      </c>
      <c r="D42" s="12">
        <v>657881922</v>
      </c>
      <c r="E42" s="12">
        <v>466160970.18000001</v>
      </c>
      <c r="F42" s="12">
        <v>70.86</v>
      </c>
      <c r="G42" s="12">
        <v>408983383.81</v>
      </c>
      <c r="H42" s="12">
        <v>62.17</v>
      </c>
      <c r="I42" s="12">
        <v>402124100.92000002</v>
      </c>
      <c r="J42" s="12">
        <v>61.12</v>
      </c>
    </row>
    <row r="43" spans="1:10" x14ac:dyDescent="0.25">
      <c r="A43" s="2" t="s">
        <v>74</v>
      </c>
      <c r="B43" s="4" t="s">
        <v>1023</v>
      </c>
      <c r="C43" s="12">
        <v>28535000</v>
      </c>
      <c r="D43" s="12">
        <v>58060952</v>
      </c>
      <c r="E43" s="12">
        <v>23124085.870000001</v>
      </c>
      <c r="F43" s="12">
        <v>39.83</v>
      </c>
      <c r="G43" s="12">
        <v>13691884.359999999</v>
      </c>
      <c r="H43" s="12">
        <v>23.58</v>
      </c>
      <c r="I43" s="12">
        <v>13134613.16</v>
      </c>
      <c r="J43" s="12">
        <v>22.62</v>
      </c>
    </row>
    <row r="44" spans="1:10" x14ac:dyDescent="0.25">
      <c r="A44" s="3" t="s">
        <v>76</v>
      </c>
      <c r="B44" s="5" t="s">
        <v>1024</v>
      </c>
      <c r="C44" s="11">
        <v>58390700</v>
      </c>
      <c r="D44" s="11">
        <v>52899878</v>
      </c>
      <c r="E44" s="11">
        <v>27889107.16</v>
      </c>
      <c r="F44" s="11">
        <v>52.72</v>
      </c>
      <c r="G44" s="11">
        <v>19200945.539999999</v>
      </c>
      <c r="H44" s="11">
        <v>36.299999999999997</v>
      </c>
      <c r="I44" s="11">
        <v>16572362.34</v>
      </c>
      <c r="J44" s="11">
        <v>31.33</v>
      </c>
    </row>
    <row r="45" spans="1:10" x14ac:dyDescent="0.25">
      <c r="A45" s="2" t="s">
        <v>78</v>
      </c>
      <c r="B45" s="4" t="s">
        <v>1020</v>
      </c>
      <c r="C45" s="12">
        <v>58390700</v>
      </c>
      <c r="D45" s="12">
        <v>52899878</v>
      </c>
      <c r="E45" s="12">
        <v>27889107.16</v>
      </c>
      <c r="F45" s="12">
        <v>52.72</v>
      </c>
      <c r="G45" s="12">
        <v>19200945.539999999</v>
      </c>
      <c r="H45" s="12">
        <v>36.299999999999997</v>
      </c>
      <c r="I45" s="12">
        <v>16572362.34</v>
      </c>
      <c r="J45" s="12">
        <v>31.33</v>
      </c>
    </row>
    <row r="46" spans="1:10" x14ac:dyDescent="0.25">
      <c r="A46" s="2" t="s">
        <v>80</v>
      </c>
      <c r="B46" s="4" t="s">
        <v>1023</v>
      </c>
      <c r="C46" s="12">
        <v>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2</v>
      </c>
      <c r="B47" s="5" t="s">
        <v>1025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252527.04</v>
      </c>
      <c r="H47" s="11">
        <v>50.51</v>
      </c>
      <c r="I47" s="11">
        <v>0</v>
      </c>
      <c r="J47" s="11">
        <v>0</v>
      </c>
    </row>
    <row r="48" spans="1:10" x14ac:dyDescent="0.25">
      <c r="A48" s="2" t="s">
        <v>84</v>
      </c>
      <c r="B48" s="4" t="s">
        <v>1020</v>
      </c>
      <c r="C48" s="12">
        <v>500000</v>
      </c>
      <c r="D48" s="12">
        <v>500000</v>
      </c>
      <c r="E48" s="12">
        <v>378790.56</v>
      </c>
      <c r="F48" s="12">
        <v>75.760000000000005</v>
      </c>
      <c r="G48" s="12">
        <v>252527.04</v>
      </c>
      <c r="H48" s="12">
        <v>50.51</v>
      </c>
      <c r="I48" s="12">
        <v>0</v>
      </c>
      <c r="J48" s="12">
        <v>0</v>
      </c>
    </row>
    <row r="49" spans="1:10" x14ac:dyDescent="0.25">
      <c r="A49" s="2" t="s">
        <v>86</v>
      </c>
      <c r="B49" s="4" t="s">
        <v>1023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8</v>
      </c>
      <c r="B50" s="5" t="s">
        <v>1026</v>
      </c>
      <c r="C50" s="11">
        <v>19858000</v>
      </c>
      <c r="D50" s="11">
        <v>70094102</v>
      </c>
      <c r="E50" s="11">
        <v>44346656.07</v>
      </c>
      <c r="F50" s="11">
        <v>111.81</v>
      </c>
      <c r="G50" s="11">
        <v>40211572.479999997</v>
      </c>
      <c r="H50" s="11">
        <v>103.69</v>
      </c>
      <c r="I50" s="11">
        <v>37730485.340000004</v>
      </c>
      <c r="J50" s="11">
        <v>100.01</v>
      </c>
    </row>
    <row r="51" spans="1:10" x14ac:dyDescent="0.25">
      <c r="A51" s="2" t="s">
        <v>90</v>
      </c>
      <c r="B51" s="4" t="s">
        <v>1020</v>
      </c>
      <c r="C51" s="12">
        <v>18737500</v>
      </c>
      <c r="D51" s="12">
        <v>67434102</v>
      </c>
      <c r="E51" s="12">
        <v>43071565.420000002</v>
      </c>
      <c r="F51" s="12">
        <v>63.87</v>
      </c>
      <c r="G51" s="12">
        <v>38991421.829999998</v>
      </c>
      <c r="H51" s="12">
        <v>57.82</v>
      </c>
      <c r="I51" s="12">
        <v>36510334.689999998</v>
      </c>
      <c r="J51" s="12">
        <v>54.14</v>
      </c>
    </row>
    <row r="52" spans="1:10" x14ac:dyDescent="0.25">
      <c r="A52" s="2" t="s">
        <v>92</v>
      </c>
      <c r="B52" s="4" t="s">
        <v>1023</v>
      </c>
      <c r="C52" s="12">
        <v>1120500</v>
      </c>
      <c r="D52" s="12">
        <v>2660000</v>
      </c>
      <c r="E52" s="12">
        <v>1275090.6499999999</v>
      </c>
      <c r="F52" s="12">
        <v>47.94</v>
      </c>
      <c r="G52" s="12">
        <v>1220150.6499999999</v>
      </c>
      <c r="H52" s="12">
        <v>45.87</v>
      </c>
      <c r="I52" s="12">
        <v>1220150.6499999999</v>
      </c>
      <c r="J52" s="12">
        <v>45.87</v>
      </c>
    </row>
    <row r="53" spans="1:10" x14ac:dyDescent="0.25">
      <c r="A53" s="3" t="s">
        <v>94</v>
      </c>
      <c r="B53" s="5" t="s">
        <v>1027</v>
      </c>
      <c r="C53" s="11">
        <v>34293200</v>
      </c>
      <c r="D53" s="11">
        <v>34293200</v>
      </c>
      <c r="E53" s="11">
        <v>27323100.359999999</v>
      </c>
      <c r="F53" s="11">
        <v>79.67</v>
      </c>
      <c r="G53" s="11">
        <v>23818473.98</v>
      </c>
      <c r="H53" s="11">
        <v>69.459999999999994</v>
      </c>
      <c r="I53" s="11">
        <v>23818473.98</v>
      </c>
      <c r="J53" s="11">
        <v>69.459999999999994</v>
      </c>
    </row>
    <row r="54" spans="1:10" x14ac:dyDescent="0.25">
      <c r="A54" s="2" t="s">
        <v>96</v>
      </c>
      <c r="B54" s="4" t="s">
        <v>1020</v>
      </c>
      <c r="C54" s="12">
        <v>34293200</v>
      </c>
      <c r="D54" s="12">
        <v>34293200</v>
      </c>
      <c r="E54" s="12">
        <v>27323100.359999999</v>
      </c>
      <c r="F54" s="12">
        <v>79.67</v>
      </c>
      <c r="G54" s="12">
        <v>23818473.98</v>
      </c>
      <c r="H54" s="12">
        <v>69.459999999999994</v>
      </c>
      <c r="I54" s="12">
        <v>23818473.98</v>
      </c>
      <c r="J54" s="12">
        <v>69.459999999999994</v>
      </c>
    </row>
    <row r="55" spans="1:10" x14ac:dyDescent="0.25">
      <c r="A55" s="2" t="s">
        <v>98</v>
      </c>
      <c r="B55" s="4" t="s">
        <v>1023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100</v>
      </c>
      <c r="B56" s="5" t="s">
        <v>1028</v>
      </c>
      <c r="C56" s="11">
        <v>365084900</v>
      </c>
      <c r="D56" s="11">
        <v>615360885.23000002</v>
      </c>
      <c r="E56" s="11">
        <v>529439346.70999998</v>
      </c>
      <c r="F56" s="11">
        <v>144.5</v>
      </c>
      <c r="G56" s="11">
        <v>494384158.76999998</v>
      </c>
      <c r="H56" s="11">
        <v>123.49</v>
      </c>
      <c r="I56" s="11">
        <v>482782949.55000001</v>
      </c>
      <c r="J56" s="11">
        <v>121.42</v>
      </c>
    </row>
    <row r="57" spans="1:10" x14ac:dyDescent="0.25">
      <c r="A57" s="2" t="s">
        <v>102</v>
      </c>
      <c r="B57" s="4" t="s">
        <v>1020</v>
      </c>
      <c r="C57" s="12">
        <v>347561900</v>
      </c>
      <c r="D57" s="12">
        <v>579170381.23000002</v>
      </c>
      <c r="E57" s="12">
        <v>508948420.75999999</v>
      </c>
      <c r="F57" s="12">
        <v>87.88</v>
      </c>
      <c r="G57" s="12">
        <v>479666480.67000002</v>
      </c>
      <c r="H57" s="12">
        <v>82.82</v>
      </c>
      <c r="I57" s="12">
        <v>468088067.44999999</v>
      </c>
      <c r="J57" s="12">
        <v>80.819999999999993</v>
      </c>
    </row>
    <row r="58" spans="1:10" x14ac:dyDescent="0.25">
      <c r="A58" s="2" t="s">
        <v>104</v>
      </c>
      <c r="B58" s="4" t="s">
        <v>1023</v>
      </c>
      <c r="C58" s="12">
        <v>17523000</v>
      </c>
      <c r="D58" s="12">
        <v>36190504</v>
      </c>
      <c r="E58" s="12">
        <v>20490925.949999999</v>
      </c>
      <c r="F58" s="12">
        <v>56.62</v>
      </c>
      <c r="G58" s="12">
        <v>14717678.1</v>
      </c>
      <c r="H58" s="12">
        <v>40.67</v>
      </c>
      <c r="I58" s="12">
        <v>14694882.1</v>
      </c>
      <c r="J58" s="12">
        <v>40.6</v>
      </c>
    </row>
    <row r="59" spans="1:10" x14ac:dyDescent="0.25">
      <c r="A59" s="3" t="s">
        <v>106</v>
      </c>
      <c r="B59" s="5" t="s">
        <v>1029</v>
      </c>
      <c r="C59" s="11">
        <v>1257383100</v>
      </c>
      <c r="D59" s="11">
        <v>1549702709.23</v>
      </c>
      <c r="E59" s="11">
        <v>1159023483.3399999</v>
      </c>
      <c r="F59" s="11">
        <v>74.790000000000006</v>
      </c>
      <c r="G59" s="11">
        <v>1032195104.26</v>
      </c>
      <c r="H59" s="11">
        <v>66.61</v>
      </c>
      <c r="I59" s="11">
        <v>1005393725.71</v>
      </c>
      <c r="J59" s="11">
        <v>64.88</v>
      </c>
    </row>
    <row r="61" spans="1:10" x14ac:dyDescent="0.25">
      <c r="A61" s="10" t="s">
        <v>6</v>
      </c>
      <c r="B61" s="10" t="s">
        <v>1030</v>
      </c>
      <c r="C61" s="10" t="s">
        <v>1031</v>
      </c>
      <c r="D61" s="10" t="s">
        <v>1032</v>
      </c>
      <c r="E61" s="10" t="s">
        <v>1033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8</v>
      </c>
      <c r="B63" s="4" t="s">
        <v>1034</v>
      </c>
      <c r="C63" s="12">
        <v>1159023483.3399999</v>
      </c>
      <c r="D63" s="12">
        <v>1032195104.26</v>
      </c>
      <c r="E63" s="12">
        <v>1005393725.71</v>
      </c>
    </row>
    <row r="64" spans="1:10" x14ac:dyDescent="0.25">
      <c r="A64" s="2" t="s">
        <v>110</v>
      </c>
      <c r="B64" s="4" t="s">
        <v>1035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2</v>
      </c>
      <c r="B65" s="4" t="s">
        <v>1036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4</v>
      </c>
      <c r="B66" s="4" t="s">
        <v>1037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6</v>
      </c>
      <c r="B67" s="4" t="s">
        <v>1038</v>
      </c>
      <c r="C67" s="12">
        <v>1159023483.3399999</v>
      </c>
      <c r="D67" s="12">
        <v>1032195104.26</v>
      </c>
      <c r="E67" s="12">
        <v>1005393725.71</v>
      </c>
    </row>
    <row r="69" spans="1:5" x14ac:dyDescent="0.25">
      <c r="A69" s="10" t="s">
        <v>6</v>
      </c>
      <c r="B69" s="10" t="s">
        <v>1039</v>
      </c>
      <c r="C69" s="10" t="s">
        <v>1040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8</v>
      </c>
      <c r="B71" s="4" t="s">
        <v>1041</v>
      </c>
      <c r="C71" s="12">
        <v>1033210933.42</v>
      </c>
    </row>
    <row r="72" spans="1:5" x14ac:dyDescent="0.25">
      <c r="A72" s="2" t="s">
        <v>120</v>
      </c>
      <c r="B72" s="4" t="s">
        <v>1042</v>
      </c>
      <c r="C72" s="12">
        <v>0</v>
      </c>
    </row>
    <row r="74" spans="1:5" x14ac:dyDescent="0.25">
      <c r="A74" s="10" t="s">
        <v>6</v>
      </c>
      <c r="B74" s="10" t="s">
        <v>1043</v>
      </c>
      <c r="C74" s="10" t="s">
        <v>1031</v>
      </c>
      <c r="D74" s="10" t="s">
        <v>1032</v>
      </c>
      <c r="E74" s="10" t="s">
        <v>1033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1</v>
      </c>
      <c r="B76" s="4" t="s">
        <v>1044</v>
      </c>
      <c r="C76" s="12">
        <v>0</v>
      </c>
      <c r="D76" s="12">
        <v>-1015829.16</v>
      </c>
      <c r="E76" s="12">
        <v>0</v>
      </c>
    </row>
    <row r="78" spans="1:5" x14ac:dyDescent="0.25">
      <c r="A78" s="10" t="s">
        <v>6</v>
      </c>
      <c r="B78" s="10" t="s">
        <v>1045</v>
      </c>
      <c r="C78" s="10" t="s">
        <v>1045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2</v>
      </c>
      <c r="B80" s="4" t="s">
        <v>1046</v>
      </c>
      <c r="C80" s="12">
        <v>-1015829.16</v>
      </c>
    </row>
    <row r="82" spans="1:12" x14ac:dyDescent="0.25">
      <c r="A82" s="10" t="s">
        <v>6</v>
      </c>
      <c r="B82" s="10" t="s">
        <v>1047</v>
      </c>
      <c r="C82" s="10" t="s">
        <v>1031</v>
      </c>
      <c r="D82" s="10" t="s">
        <v>1032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3</v>
      </c>
      <c r="B84" s="4" t="s">
        <v>1048</v>
      </c>
      <c r="C84" s="12">
        <v>13.46</v>
      </c>
      <c r="D84" s="12">
        <v>11.99</v>
      </c>
    </row>
    <row r="86" spans="1:12" x14ac:dyDescent="0.25">
      <c r="A86" s="10" t="s">
        <v>6</v>
      </c>
      <c r="B86" s="10" t="s">
        <v>1049</v>
      </c>
      <c r="C86" s="10" t="s">
        <v>1050</v>
      </c>
      <c r="D86" s="10" t="s">
        <v>1051</v>
      </c>
      <c r="E86" s="10" t="s">
        <v>7</v>
      </c>
      <c r="F86" s="10" t="s">
        <v>7</v>
      </c>
      <c r="G86" s="10" t="s">
        <v>1055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052</v>
      </c>
      <c r="E87" s="1" t="s">
        <v>1053</v>
      </c>
      <c r="F87" s="1" t="s">
        <v>1054</v>
      </c>
      <c r="G87" s="10" t="s">
        <v>7</v>
      </c>
    </row>
    <row r="88" spans="1:12" x14ac:dyDescent="0.25">
      <c r="A88" s="2" t="s">
        <v>124</v>
      </c>
      <c r="B88" s="4" t="s">
        <v>1056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5</v>
      </c>
      <c r="B89" s="4" t="s">
        <v>1057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6</v>
      </c>
      <c r="B90" s="4" t="s">
        <v>1058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7</v>
      </c>
      <c r="B91" s="4" t="s">
        <v>1059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060</v>
      </c>
      <c r="C93" s="10" t="s">
        <v>1061</v>
      </c>
      <c r="D93" s="10" t="s">
        <v>1062</v>
      </c>
      <c r="E93" s="10" t="s">
        <v>1063</v>
      </c>
      <c r="F93" s="10" t="s">
        <v>1064</v>
      </c>
      <c r="G93" s="10" t="s">
        <v>1065</v>
      </c>
      <c r="H93" s="10" t="s">
        <v>1066</v>
      </c>
      <c r="I93" s="10" t="s">
        <v>1067</v>
      </c>
      <c r="J93" s="10" t="s">
        <v>1068</v>
      </c>
      <c r="K93" s="10" t="s">
        <v>1069</v>
      </c>
      <c r="L93" s="10" t="s">
        <v>1070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8</v>
      </c>
      <c r="B95" s="4" t="s">
        <v>1071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30</v>
      </c>
      <c r="B96" s="4" t="s">
        <v>1072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2</v>
      </c>
      <c r="B97" s="4" t="s">
        <v>1073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4</v>
      </c>
      <c r="B98" s="4" t="s">
        <v>1074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6</v>
      </c>
      <c r="B99" s="4" t="s">
        <v>1075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1076</v>
      </c>
      <c r="C101" s="10" t="s">
        <v>732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8</v>
      </c>
      <c r="B103" s="4" t="s">
        <v>1077</v>
      </c>
      <c r="C103" s="12">
        <v>0</v>
      </c>
    </row>
    <row r="104" spans="1:12" x14ac:dyDescent="0.25">
      <c r="A104" s="2" t="s">
        <v>140</v>
      </c>
      <c r="B104" s="4" t="s">
        <v>1078</v>
      </c>
      <c r="C104" s="12">
        <v>0</v>
      </c>
    </row>
    <row r="105" spans="1:12" x14ac:dyDescent="0.25">
      <c r="A105" s="2" t="s">
        <v>142</v>
      </c>
      <c r="B105" s="4" t="s">
        <v>1079</v>
      </c>
      <c r="C105" s="12">
        <v>0</v>
      </c>
    </row>
    <row r="107" spans="1:12" x14ac:dyDescent="0.25">
      <c r="A107" s="10" t="s">
        <v>6</v>
      </c>
      <c r="B107" s="10" t="s">
        <v>1080</v>
      </c>
      <c r="C107" s="10" t="s">
        <v>1081</v>
      </c>
      <c r="D107" s="10" t="s">
        <v>1051</v>
      </c>
      <c r="E107" s="10" t="s">
        <v>7</v>
      </c>
      <c r="F107" s="10" t="s">
        <v>7</v>
      </c>
      <c r="G107" s="10" t="s">
        <v>1085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082</v>
      </c>
      <c r="E108" s="1" t="s">
        <v>1083</v>
      </c>
      <c r="F108" s="1" t="s">
        <v>1084</v>
      </c>
      <c r="G108" s="10" t="s">
        <v>7</v>
      </c>
    </row>
    <row r="109" spans="1:12" x14ac:dyDescent="0.25">
      <c r="A109" s="2" t="s">
        <v>144</v>
      </c>
      <c r="B109" s="4" t="s">
        <v>1086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6</v>
      </c>
      <c r="B110" s="4" t="s">
        <v>1087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8</v>
      </c>
      <c r="B111" s="4" t="s">
        <v>1088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50</v>
      </c>
      <c r="B112" s="4" t="s">
        <v>1089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1090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091</v>
      </c>
      <c r="F115" s="1" t="s">
        <v>989</v>
      </c>
    </row>
    <row r="116" spans="1:10" x14ac:dyDescent="0.25">
      <c r="A116" s="3" t="s">
        <v>152</v>
      </c>
      <c r="B116" s="5" t="s">
        <v>1092</v>
      </c>
      <c r="C116" s="11">
        <v>348143100</v>
      </c>
      <c r="D116" s="11">
        <v>348143100</v>
      </c>
      <c r="E116" s="11">
        <v>177277005.28</v>
      </c>
      <c r="F116" s="11">
        <v>50.92</v>
      </c>
    </row>
    <row r="117" spans="1:10" x14ac:dyDescent="0.25">
      <c r="A117" s="2" t="s">
        <v>153</v>
      </c>
      <c r="B117" s="4" t="s">
        <v>1093</v>
      </c>
      <c r="C117" s="12">
        <v>348143100</v>
      </c>
      <c r="D117" s="12">
        <v>348143100</v>
      </c>
      <c r="E117" s="12">
        <v>177277005.28</v>
      </c>
      <c r="F117" s="12">
        <v>50.92</v>
      </c>
    </row>
    <row r="118" spans="1:10" x14ac:dyDescent="0.25">
      <c r="A118" s="2" t="s">
        <v>154</v>
      </c>
      <c r="B118" s="4" t="s">
        <v>1094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6</v>
      </c>
      <c r="B119" s="4" t="s">
        <v>1095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8</v>
      </c>
      <c r="B120" s="4" t="s">
        <v>1096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60</v>
      </c>
      <c r="B121" s="4" t="s">
        <v>1097</v>
      </c>
      <c r="C121" s="12">
        <v>711200</v>
      </c>
      <c r="D121" s="12">
        <v>711200</v>
      </c>
      <c r="E121" s="12">
        <v>54325.51</v>
      </c>
      <c r="F121" s="12">
        <v>7.64</v>
      </c>
    </row>
    <row r="122" spans="1:10" x14ac:dyDescent="0.25">
      <c r="A122" s="3" t="s">
        <v>162</v>
      </c>
      <c r="B122" s="5" t="s">
        <v>1098</v>
      </c>
      <c r="C122" s="11">
        <v>348854300</v>
      </c>
      <c r="D122" s="11">
        <v>348854300</v>
      </c>
      <c r="E122" s="11">
        <v>177331330.78999999</v>
      </c>
      <c r="F122" s="11">
        <v>50.83</v>
      </c>
    </row>
    <row r="124" spans="1:10" x14ac:dyDescent="0.25">
      <c r="A124" s="10" t="s">
        <v>6</v>
      </c>
      <c r="B124" s="10" t="s">
        <v>1099</v>
      </c>
      <c r="C124" s="10" t="s">
        <v>370</v>
      </c>
      <c r="D124" s="10" t="s">
        <v>577</v>
      </c>
      <c r="E124" s="10" t="s">
        <v>169</v>
      </c>
      <c r="F124" s="10" t="s">
        <v>7</v>
      </c>
      <c r="G124" s="10" t="s">
        <v>173</v>
      </c>
      <c r="H124" s="10" t="s">
        <v>7</v>
      </c>
      <c r="I124" s="10" t="s">
        <v>1017</v>
      </c>
      <c r="J124" s="10" t="s">
        <v>1017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375</v>
      </c>
      <c r="F125" s="1" t="s">
        <v>1014</v>
      </c>
      <c r="G125" s="1" t="s">
        <v>1015</v>
      </c>
      <c r="H125" s="1" t="s">
        <v>1016</v>
      </c>
      <c r="I125" s="1" t="s">
        <v>171</v>
      </c>
      <c r="J125" s="1" t="s">
        <v>1018</v>
      </c>
    </row>
    <row r="126" spans="1:10" x14ac:dyDescent="0.25">
      <c r="A126" s="3" t="s">
        <v>164</v>
      </c>
      <c r="B126" s="5" t="s">
        <v>1100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7</v>
      </c>
      <c r="B127" s="4" t="s">
        <v>1020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9</v>
      </c>
      <c r="B128" s="4" t="s">
        <v>1021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1</v>
      </c>
      <c r="B129" s="5" t="s">
        <v>1101</v>
      </c>
      <c r="C129" s="11">
        <v>280942400</v>
      </c>
      <c r="D129" s="11">
        <v>400936087.66000003</v>
      </c>
      <c r="E129" s="11">
        <v>152161556.28</v>
      </c>
      <c r="F129" s="11">
        <v>37.950000000000003</v>
      </c>
      <c r="G129" s="11">
        <v>107091277.95999999</v>
      </c>
      <c r="H129" s="11">
        <v>26.71</v>
      </c>
      <c r="I129" s="11">
        <v>100662802.3</v>
      </c>
      <c r="J129" s="11">
        <v>25.11</v>
      </c>
    </row>
    <row r="130" spans="1:10" x14ac:dyDescent="0.25">
      <c r="A130" s="2" t="s">
        <v>183</v>
      </c>
      <c r="B130" s="4" t="s">
        <v>1020</v>
      </c>
      <c r="C130" s="12">
        <v>194523500</v>
      </c>
      <c r="D130" s="12">
        <v>231193131.25999999</v>
      </c>
      <c r="E130" s="12">
        <v>131621917</v>
      </c>
      <c r="F130" s="12">
        <v>56.93</v>
      </c>
      <c r="G130" s="12">
        <v>103731539.45</v>
      </c>
      <c r="H130" s="12">
        <v>44.87</v>
      </c>
      <c r="I130" s="12">
        <v>97305663.790000007</v>
      </c>
      <c r="J130" s="12">
        <v>42.09</v>
      </c>
    </row>
    <row r="131" spans="1:10" x14ac:dyDescent="0.25">
      <c r="A131" s="2" t="s">
        <v>185</v>
      </c>
      <c r="B131" s="4" t="s">
        <v>1023</v>
      </c>
      <c r="C131" s="12">
        <v>86418900</v>
      </c>
      <c r="D131" s="12">
        <v>169742956.40000001</v>
      </c>
      <c r="E131" s="12">
        <v>20539639.280000001</v>
      </c>
      <c r="F131" s="12">
        <v>12.1</v>
      </c>
      <c r="G131" s="12">
        <v>3359738.51</v>
      </c>
      <c r="H131" s="12">
        <v>1.98</v>
      </c>
      <c r="I131" s="12">
        <v>3357138.51</v>
      </c>
      <c r="J131" s="12">
        <v>1.98</v>
      </c>
    </row>
    <row r="132" spans="1:10" x14ac:dyDescent="0.25">
      <c r="A132" s="3" t="s">
        <v>187</v>
      </c>
      <c r="B132" s="5" t="s">
        <v>1102</v>
      </c>
      <c r="C132" s="11">
        <v>34133900</v>
      </c>
      <c r="D132" s="11">
        <v>37299192</v>
      </c>
      <c r="E132" s="11">
        <v>14934376.779999999</v>
      </c>
      <c r="F132" s="11">
        <v>40.04</v>
      </c>
      <c r="G132" s="11">
        <v>14131205.539999999</v>
      </c>
      <c r="H132" s="11">
        <v>37.89</v>
      </c>
      <c r="I132" s="11">
        <v>13890925.220000001</v>
      </c>
      <c r="J132" s="11">
        <v>37.24</v>
      </c>
    </row>
    <row r="133" spans="1:10" x14ac:dyDescent="0.25">
      <c r="A133" s="2" t="s">
        <v>189</v>
      </c>
      <c r="B133" s="4" t="s">
        <v>1020</v>
      </c>
      <c r="C133" s="12">
        <v>34133900</v>
      </c>
      <c r="D133" s="12">
        <v>37299192</v>
      </c>
      <c r="E133" s="12">
        <v>14934376.779999999</v>
      </c>
      <c r="F133" s="12">
        <v>40.04</v>
      </c>
      <c r="G133" s="12">
        <v>14131205.539999999</v>
      </c>
      <c r="H133" s="12">
        <v>37.89</v>
      </c>
      <c r="I133" s="12">
        <v>13890925.220000001</v>
      </c>
      <c r="J133" s="12">
        <v>37.24</v>
      </c>
    </row>
    <row r="134" spans="1:10" x14ac:dyDescent="0.25">
      <c r="A134" s="2" t="s">
        <v>191</v>
      </c>
      <c r="B134" s="4" t="s">
        <v>1023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3</v>
      </c>
      <c r="B135" s="5" t="s">
        <v>1103</v>
      </c>
      <c r="C135" s="11">
        <v>2131900</v>
      </c>
      <c r="D135" s="11">
        <v>2131900</v>
      </c>
      <c r="E135" s="11">
        <v>117286.66</v>
      </c>
      <c r="F135" s="11">
        <v>5.5</v>
      </c>
      <c r="G135" s="11">
        <v>62759.92</v>
      </c>
      <c r="H135" s="11">
        <v>2.94</v>
      </c>
      <c r="I135" s="11">
        <v>62759.92</v>
      </c>
      <c r="J135" s="11">
        <v>2.94</v>
      </c>
    </row>
    <row r="136" spans="1:10" x14ac:dyDescent="0.25">
      <c r="A136" s="2" t="s">
        <v>195</v>
      </c>
      <c r="B136" s="4" t="s">
        <v>1020</v>
      </c>
      <c r="C136" s="12">
        <v>2131900</v>
      </c>
      <c r="D136" s="12">
        <v>2131900</v>
      </c>
      <c r="E136" s="12">
        <v>117286.66</v>
      </c>
      <c r="F136" s="12">
        <v>5.5</v>
      </c>
      <c r="G136" s="12">
        <v>62759.92</v>
      </c>
      <c r="H136" s="12">
        <v>2.94</v>
      </c>
      <c r="I136" s="12">
        <v>62759.92</v>
      </c>
      <c r="J136" s="12">
        <v>2.94</v>
      </c>
    </row>
    <row r="137" spans="1:10" x14ac:dyDescent="0.25">
      <c r="A137" s="2" t="s">
        <v>197</v>
      </c>
      <c r="B137" s="4" t="s">
        <v>1023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9</v>
      </c>
      <c r="B138" s="5" t="s">
        <v>1104</v>
      </c>
      <c r="C138" s="11">
        <v>28481700</v>
      </c>
      <c r="D138" s="11">
        <v>75691522</v>
      </c>
      <c r="E138" s="11">
        <v>36421441.649999999</v>
      </c>
      <c r="F138" s="11">
        <v>48.12</v>
      </c>
      <c r="G138" s="11">
        <v>27132389.079999998</v>
      </c>
      <c r="H138" s="11">
        <v>35.85</v>
      </c>
      <c r="I138" s="11">
        <v>25538859.41</v>
      </c>
      <c r="J138" s="11">
        <v>33.74</v>
      </c>
    </row>
    <row r="139" spans="1:10" x14ac:dyDescent="0.25">
      <c r="A139" s="2" t="s">
        <v>201</v>
      </c>
      <c r="B139" s="4" t="s">
        <v>1020</v>
      </c>
      <c r="C139" s="12">
        <v>14227200</v>
      </c>
      <c r="D139" s="12">
        <v>59250598</v>
      </c>
      <c r="E139" s="12">
        <v>36268381.649999999</v>
      </c>
      <c r="F139" s="12">
        <v>61.21</v>
      </c>
      <c r="G139" s="12">
        <v>27132389.079999998</v>
      </c>
      <c r="H139" s="12">
        <v>45.79</v>
      </c>
      <c r="I139" s="12">
        <v>25538859.41</v>
      </c>
      <c r="J139" s="12">
        <v>43.1</v>
      </c>
    </row>
    <row r="140" spans="1:10" x14ac:dyDescent="0.25">
      <c r="A140" s="2" t="s">
        <v>203</v>
      </c>
      <c r="B140" s="4" t="s">
        <v>1023</v>
      </c>
      <c r="C140" s="12">
        <v>14254500</v>
      </c>
      <c r="D140" s="12">
        <v>16440924</v>
      </c>
      <c r="E140" s="12">
        <v>153060</v>
      </c>
      <c r="F140" s="12">
        <v>0.93</v>
      </c>
      <c r="G140" s="12">
        <v>0</v>
      </c>
      <c r="H140" s="12">
        <v>0</v>
      </c>
      <c r="I140" s="12">
        <v>0</v>
      </c>
      <c r="J140" s="12">
        <v>0</v>
      </c>
    </row>
    <row r="141" spans="1:10" x14ac:dyDescent="0.25">
      <c r="A141" s="3" t="s">
        <v>205</v>
      </c>
      <c r="B141" s="5" t="s">
        <v>1105</v>
      </c>
      <c r="C141" s="11">
        <v>377500</v>
      </c>
      <c r="D141" s="11">
        <v>377500</v>
      </c>
      <c r="E141" s="11">
        <v>27286.42</v>
      </c>
      <c r="F141" s="11">
        <v>7.23</v>
      </c>
      <c r="G141" s="11">
        <v>2585.15</v>
      </c>
      <c r="H141" s="11">
        <v>0.68</v>
      </c>
      <c r="I141" s="11">
        <v>2585.15</v>
      </c>
      <c r="J141" s="11">
        <v>0.68</v>
      </c>
    </row>
    <row r="142" spans="1:10" x14ac:dyDescent="0.25">
      <c r="A142" s="2" t="s">
        <v>207</v>
      </c>
      <c r="B142" s="4" t="s">
        <v>1020</v>
      </c>
      <c r="C142" s="12">
        <v>377500</v>
      </c>
      <c r="D142" s="12">
        <v>377500</v>
      </c>
      <c r="E142" s="12">
        <v>27286.42</v>
      </c>
      <c r="F142" s="12">
        <v>7.23</v>
      </c>
      <c r="G142" s="12">
        <v>2585.15</v>
      </c>
      <c r="H142" s="12">
        <v>0.68</v>
      </c>
      <c r="I142" s="12">
        <v>2585.15</v>
      </c>
      <c r="J142" s="12">
        <v>0.68</v>
      </c>
    </row>
    <row r="143" spans="1:10" x14ac:dyDescent="0.25">
      <c r="A143" s="2" t="s">
        <v>209</v>
      </c>
      <c r="B143" s="4" t="s">
        <v>1023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1</v>
      </c>
      <c r="B144" s="5" t="s">
        <v>1106</v>
      </c>
      <c r="C144" s="11">
        <v>2786900</v>
      </c>
      <c r="D144" s="11">
        <v>2786900</v>
      </c>
      <c r="E144" s="11">
        <v>380292.46</v>
      </c>
      <c r="F144" s="11">
        <v>13.65</v>
      </c>
      <c r="G144" s="11">
        <v>179451.69</v>
      </c>
      <c r="H144" s="11">
        <v>6.44</v>
      </c>
      <c r="I144" s="11">
        <v>167456.59</v>
      </c>
      <c r="J144" s="11">
        <v>6.01</v>
      </c>
    </row>
    <row r="145" spans="1:10" x14ac:dyDescent="0.25">
      <c r="A145" s="2" t="s">
        <v>213</v>
      </c>
      <c r="B145" s="4" t="s">
        <v>1020</v>
      </c>
      <c r="C145" s="12">
        <v>2487900</v>
      </c>
      <c r="D145" s="12">
        <v>2487900</v>
      </c>
      <c r="E145" s="12">
        <v>380292.46</v>
      </c>
      <c r="F145" s="12">
        <v>15.29</v>
      </c>
      <c r="G145" s="12">
        <v>179451.69</v>
      </c>
      <c r="H145" s="12">
        <v>7.21</v>
      </c>
      <c r="I145" s="12">
        <v>167456.59</v>
      </c>
      <c r="J145" s="12">
        <v>6.73</v>
      </c>
    </row>
    <row r="146" spans="1:10" x14ac:dyDescent="0.25">
      <c r="A146" s="2" t="s">
        <v>215</v>
      </c>
      <c r="B146" s="4" t="s">
        <v>1023</v>
      </c>
      <c r="C146" s="12">
        <v>299000</v>
      </c>
      <c r="D146" s="12">
        <v>29900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6</v>
      </c>
      <c r="B147" s="5" t="s">
        <v>1107</v>
      </c>
      <c r="C147" s="11">
        <v>348854300</v>
      </c>
      <c r="D147" s="11">
        <v>519223101.66000003</v>
      </c>
      <c r="E147" s="11">
        <v>204042240.25</v>
      </c>
      <c r="F147" s="11">
        <v>39.299999999999997</v>
      </c>
      <c r="G147" s="11">
        <v>148599669.34</v>
      </c>
      <c r="H147" s="11">
        <v>28.62</v>
      </c>
      <c r="I147" s="11">
        <v>140325388.59</v>
      </c>
      <c r="J147" s="11">
        <v>27.03</v>
      </c>
    </row>
    <row r="149" spans="1:10" x14ac:dyDescent="0.25">
      <c r="A149" s="10" t="s">
        <v>6</v>
      </c>
      <c r="B149" s="10" t="s">
        <v>1108</v>
      </c>
      <c r="C149" s="10" t="s">
        <v>370</v>
      </c>
      <c r="D149" s="10" t="s">
        <v>577</v>
      </c>
      <c r="E149" s="10" t="s">
        <v>169</v>
      </c>
      <c r="F149" s="10" t="s">
        <v>7</v>
      </c>
      <c r="G149" s="10" t="s">
        <v>173</v>
      </c>
      <c r="H149" s="10" t="s">
        <v>7</v>
      </c>
      <c r="I149" s="10" t="s">
        <v>1017</v>
      </c>
      <c r="J149" s="10" t="s">
        <v>1017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375</v>
      </c>
      <c r="F150" s="1" t="s">
        <v>1014</v>
      </c>
      <c r="G150" s="1" t="s">
        <v>1109</v>
      </c>
      <c r="H150" s="1" t="s">
        <v>1016</v>
      </c>
      <c r="I150" s="1" t="s">
        <v>171</v>
      </c>
      <c r="J150" s="1" t="s">
        <v>1018</v>
      </c>
    </row>
    <row r="151" spans="1:10" x14ac:dyDescent="0.25">
      <c r="A151" s="2" t="s">
        <v>217</v>
      </c>
      <c r="B151" s="4" t="s">
        <v>1110</v>
      </c>
      <c r="C151" s="12">
        <v>69829000</v>
      </c>
      <c r="D151" s="12">
        <v>60611770</v>
      </c>
      <c r="E151" s="12">
        <v>40361426.43</v>
      </c>
      <c r="F151" s="12">
        <v>66.59</v>
      </c>
      <c r="G151" s="12">
        <v>31652158.280000001</v>
      </c>
      <c r="H151" s="12">
        <v>52.22</v>
      </c>
      <c r="I151" s="12">
        <v>29230740.420000002</v>
      </c>
      <c r="J151" s="12">
        <v>48.23</v>
      </c>
    </row>
    <row r="152" spans="1:10" x14ac:dyDescent="0.25">
      <c r="A152" s="2" t="s">
        <v>219</v>
      </c>
      <c r="B152" s="4" t="s">
        <v>1111</v>
      </c>
      <c r="C152" s="12">
        <v>990369700</v>
      </c>
      <c r="D152" s="12">
        <v>1116878961.6600001</v>
      </c>
      <c r="E152" s="12">
        <v>641446612.33000004</v>
      </c>
      <c r="F152" s="12">
        <v>57.43</v>
      </c>
      <c r="G152" s="12">
        <v>529766546.13</v>
      </c>
      <c r="H152" s="12">
        <v>47.43</v>
      </c>
      <c r="I152" s="12">
        <v>515921516.38</v>
      </c>
      <c r="J152" s="12">
        <v>46.19</v>
      </c>
    </row>
    <row r="153" spans="1:10" x14ac:dyDescent="0.25">
      <c r="A153" s="2" t="s">
        <v>221</v>
      </c>
      <c r="B153" s="4" t="s">
        <v>1112</v>
      </c>
      <c r="C153" s="12">
        <v>92524600</v>
      </c>
      <c r="D153" s="12">
        <v>90199070</v>
      </c>
      <c r="E153" s="12">
        <v>42823483.939999998</v>
      </c>
      <c r="F153" s="12">
        <v>47.48</v>
      </c>
      <c r="G153" s="12">
        <v>33332151.079999998</v>
      </c>
      <c r="H153" s="12">
        <v>36.950000000000003</v>
      </c>
      <c r="I153" s="12">
        <v>30463287.559999999</v>
      </c>
      <c r="J153" s="12">
        <v>33.770000000000003</v>
      </c>
    </row>
    <row r="154" spans="1:10" x14ac:dyDescent="0.25">
      <c r="A154" s="2" t="s">
        <v>223</v>
      </c>
      <c r="B154" s="4" t="s">
        <v>1113</v>
      </c>
      <c r="C154" s="12">
        <v>2631900</v>
      </c>
      <c r="D154" s="12">
        <v>2631900</v>
      </c>
      <c r="E154" s="12">
        <v>496077.22</v>
      </c>
      <c r="F154" s="12">
        <v>18.850000000000001</v>
      </c>
      <c r="G154" s="12">
        <v>315286.96000000002</v>
      </c>
      <c r="H154" s="12">
        <v>11.98</v>
      </c>
      <c r="I154" s="12">
        <v>62759.92</v>
      </c>
      <c r="J154" s="12">
        <v>2.38</v>
      </c>
    </row>
    <row r="155" spans="1:10" x14ac:dyDescent="0.25">
      <c r="A155" s="2" t="s">
        <v>226</v>
      </c>
      <c r="B155" s="4" t="s">
        <v>1114</v>
      </c>
      <c r="C155" s="12">
        <v>48339700</v>
      </c>
      <c r="D155" s="12">
        <v>145785624</v>
      </c>
      <c r="E155" s="12">
        <v>80768097.719999999</v>
      </c>
      <c r="F155" s="12">
        <v>55.4</v>
      </c>
      <c r="G155" s="12">
        <v>67343961.560000002</v>
      </c>
      <c r="H155" s="12">
        <v>55.4</v>
      </c>
      <c r="I155" s="12">
        <v>63269344.75</v>
      </c>
      <c r="J155" s="12">
        <v>55.4</v>
      </c>
    </row>
    <row r="156" spans="1:10" x14ac:dyDescent="0.25">
      <c r="A156" s="2" t="s">
        <v>228</v>
      </c>
      <c r="B156" s="4" t="s">
        <v>1115</v>
      </c>
      <c r="C156" s="12">
        <v>34670700</v>
      </c>
      <c r="D156" s="12">
        <v>34670700</v>
      </c>
      <c r="E156" s="12">
        <v>27350386.780000001</v>
      </c>
      <c r="F156" s="12">
        <v>78.89</v>
      </c>
      <c r="G156" s="12">
        <v>23821059.129999999</v>
      </c>
      <c r="H156" s="12">
        <v>68.709999999999994</v>
      </c>
      <c r="I156" s="12">
        <v>23821059.129999999</v>
      </c>
      <c r="J156" s="12">
        <v>68.709999999999994</v>
      </c>
    </row>
    <row r="157" spans="1:10" x14ac:dyDescent="0.25">
      <c r="A157" s="2" t="s">
        <v>230</v>
      </c>
      <c r="B157" s="4" t="s">
        <v>1116</v>
      </c>
      <c r="C157" s="12">
        <v>367871800</v>
      </c>
      <c r="D157" s="12">
        <v>618147785.23000002</v>
      </c>
      <c r="E157" s="12">
        <v>529819639.17000002</v>
      </c>
      <c r="F157" s="12">
        <v>85.71</v>
      </c>
      <c r="G157" s="12">
        <v>494563610.45999998</v>
      </c>
      <c r="H157" s="12">
        <v>80.010000000000005</v>
      </c>
      <c r="I157" s="12">
        <v>482950406.13999999</v>
      </c>
      <c r="J157" s="12">
        <v>78.13</v>
      </c>
    </row>
    <row r="158" spans="1:10" x14ac:dyDescent="0.25">
      <c r="A158" s="2" t="s">
        <v>232</v>
      </c>
      <c r="B158" s="4" t="s">
        <v>1117</v>
      </c>
      <c r="C158" s="12">
        <v>1606237400</v>
      </c>
      <c r="D158" s="12">
        <v>2068925810.8900001</v>
      </c>
      <c r="E158" s="12">
        <v>1363065723.5899999</v>
      </c>
      <c r="F158" s="12">
        <v>65.88</v>
      </c>
      <c r="G158" s="12">
        <v>1180794773.5999999</v>
      </c>
      <c r="H158" s="12">
        <v>57.07</v>
      </c>
      <c r="I158" s="12">
        <v>1145719114.3</v>
      </c>
      <c r="J158" s="12">
        <v>55.38</v>
      </c>
    </row>
    <row r="159" spans="1:10" x14ac:dyDescent="0.25">
      <c r="A159" s="2" t="s">
        <v>234</v>
      </c>
      <c r="B159" s="4" t="s">
        <v>1118</v>
      </c>
      <c r="C159" s="12">
        <v>348854300</v>
      </c>
      <c r="D159" s="12">
        <v>519223101.66000003</v>
      </c>
      <c r="E159" s="12">
        <v>204042240.25</v>
      </c>
      <c r="F159" s="12">
        <v>39.299999999999997</v>
      </c>
      <c r="G159" s="12">
        <v>148599669.34</v>
      </c>
      <c r="H159" s="12">
        <v>28.62</v>
      </c>
      <c r="I159" s="12">
        <v>140325388.59</v>
      </c>
      <c r="J159" s="12">
        <v>27.03</v>
      </c>
    </row>
    <row r="160" spans="1:10" x14ac:dyDescent="0.25">
      <c r="A160" s="2" t="s">
        <v>236</v>
      </c>
      <c r="B160" s="4" t="s">
        <v>1119</v>
      </c>
      <c r="C160" s="12">
        <v>1210204600</v>
      </c>
      <c r="D160" s="12">
        <v>1290394447</v>
      </c>
      <c r="E160" s="12">
        <v>951736574.63999999</v>
      </c>
      <c r="F160" s="12">
        <v>73.760000000000005</v>
      </c>
      <c r="G160" s="12">
        <v>840168584.91999996</v>
      </c>
      <c r="H160" s="12">
        <v>65.11</v>
      </c>
      <c r="I160" s="12">
        <v>813947273.57000005</v>
      </c>
      <c r="J160" s="12">
        <v>63.08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2</vt:i4>
      </vt:variant>
    </vt:vector>
  </HeadingPairs>
  <TitlesOfParts>
    <vt:vector size="12" baseType="lpstr">
      <vt:lpstr>Anexo - 01 - Balanço Orçamentár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9-24T13:35:28Z</dcterms:created>
  <dcterms:modified xsi:type="dcterms:W3CDTF">2021-09-27T13:05:06Z</dcterms:modified>
</cp:coreProperties>
</file>